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notesSlides/notesSlide1.xml" ContentType="application/vnd.openxmlformats-officedocument.presentationml.notesSlide+xml"/>
  <Override PartName="/ppt/charts/chart2.xml" ContentType="application/vnd.openxmlformats-officedocument.drawingml.chart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72" r:id="rId1"/>
  </p:sldMasterIdLst>
  <p:notesMasterIdLst>
    <p:notesMasterId r:id="rId16"/>
  </p:notesMasterIdLst>
  <p:sldIdLst>
    <p:sldId id="256" r:id="rId2"/>
    <p:sldId id="271" r:id="rId3"/>
    <p:sldId id="258" r:id="rId4"/>
    <p:sldId id="272" r:id="rId5"/>
    <p:sldId id="261" r:id="rId6"/>
    <p:sldId id="265" r:id="rId7"/>
    <p:sldId id="273" r:id="rId8"/>
    <p:sldId id="263" r:id="rId9"/>
    <p:sldId id="270" r:id="rId10"/>
    <p:sldId id="266" r:id="rId11"/>
    <p:sldId id="262" r:id="rId12"/>
    <p:sldId id="268" r:id="rId13"/>
    <p:sldId id="267" r:id="rId14"/>
    <p:sldId id="269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duction" id="{F53CB933-B708-4E12-AF59-70DC2474FDC9}">
          <p14:sldIdLst>
            <p14:sldId id="256"/>
            <p14:sldId id="271"/>
            <p14:sldId id="258"/>
            <p14:sldId id="272"/>
          </p14:sldIdLst>
        </p14:section>
        <p14:section name="Business Process Proposal" id="{8C0848D2-867D-4B25-890B-3F411412D2FF}">
          <p14:sldIdLst>
            <p14:sldId id="261"/>
            <p14:sldId id="265"/>
            <p14:sldId id="273"/>
            <p14:sldId id="263"/>
            <p14:sldId id="270"/>
          </p14:sldIdLst>
        </p14:section>
        <p14:section name="Information Systems and Resource Proposal" id="{2004F5E8-4BDD-43F8-BC33-359BAEF08D83}">
          <p14:sldIdLst>
            <p14:sldId id="266"/>
          </p14:sldIdLst>
        </p14:section>
        <p14:section name="Recommendation" id="{545C57EB-81C6-451E-8C25-C1608FC7A30B}">
          <p14:sldIdLst>
            <p14:sldId id="262"/>
            <p14:sldId id="268"/>
            <p14:sldId id="267"/>
          </p14:sldIdLst>
        </p14:section>
        <p14:section name="Service Terms &amp; Conditions" id="{D4EC2AB0-F329-4852-879E-74DE8AF4C70E}">
          <p14:sldIdLst>
            <p14:sldId id="269"/>
          </p14:sldIdLst>
        </p14:section>
        <p14:section name="About ACS" id="{1FF67C00-AD1B-42F9-87C7-5BA0862C44B0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947" autoAdjust="0"/>
    <p:restoredTop sz="94662" autoAdjust="0"/>
  </p:normalViewPr>
  <p:slideViewPr>
    <p:cSldViewPr>
      <p:cViewPr varScale="1">
        <p:scale>
          <a:sx n="70" d="100"/>
          <a:sy n="70" d="100"/>
        </p:scale>
        <p:origin x="1044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1554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dPt>
            <c:idx val="0"/>
            <c:bubble3D val="0"/>
            <c:explosion val="15"/>
          </c:dPt>
          <c:dLbls>
            <c:dLbl>
              <c:idx val="0"/>
              <c:layout>
                <c:manualLayout>
                  <c:x val="6.2839090678181359E-2"/>
                  <c:y val="9.8257060452626899E-4"/>
                </c:manualLayout>
              </c:layout>
              <c:spPr/>
              <c:txPr>
                <a:bodyPr/>
                <a:lstStyle/>
                <a:p>
                  <a:pPr>
                    <a:defRPr sz="1200"/>
                  </a:pPr>
                  <a:endParaRPr lang="en-US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</c:extLst>
            </c:dLbl>
            <c:dLbl>
              <c:idx val="1"/>
              <c:layout>
                <c:manualLayout>
                  <c:x val="3.2428244856489714E-2"/>
                  <c:y val="-4.749813443927426E-2"/>
                </c:manualLayout>
              </c:layout>
              <c:spPr/>
              <c:txPr>
                <a:bodyPr/>
                <a:lstStyle/>
                <a:p>
                  <a:pPr>
                    <a:defRPr sz="1200"/>
                  </a:pPr>
                  <a:endParaRPr lang="en-US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</c:extLst>
            </c:dLbl>
            <c:dLbl>
              <c:idx val="2"/>
              <c:layout>
                <c:manualLayout>
                  <c:x val="1.3806832613665228E-2"/>
                  <c:y val="-7.6463452345612824E-3"/>
                </c:manualLayout>
              </c:layout>
              <c:spPr/>
              <c:txPr>
                <a:bodyPr/>
                <a:lstStyle/>
                <a:p>
                  <a:pPr>
                    <a:defRPr sz="1200"/>
                  </a:pPr>
                  <a:endParaRPr lang="en-US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</c:extLst>
            </c:dLbl>
            <c:dLbl>
              <c:idx val="3"/>
              <c:layout>
                <c:manualLayout>
                  <c:x val="-7.3104521209042417E-3"/>
                  <c:y val="1.4822803331803157E-2"/>
                </c:manualLayout>
              </c:layout>
              <c:spPr/>
              <c:txPr>
                <a:bodyPr/>
                <a:lstStyle/>
                <a:p>
                  <a:pPr>
                    <a:defRPr sz="1200"/>
                  </a:pPr>
                  <a:endParaRPr lang="en-US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</c:extLst>
            </c:dLbl>
            <c:dLbl>
              <c:idx val="4"/>
              <c:layout>
                <c:manualLayout>
                  <c:x val="-9.9303615273897208E-3"/>
                  <c:y val="2.5011210586695747E-2"/>
                </c:manualLayout>
              </c:layout>
              <c:spPr/>
              <c:txPr>
                <a:bodyPr/>
                <a:lstStyle/>
                <a:p>
                  <a:pPr>
                    <a:defRPr sz="1200"/>
                  </a:pPr>
                  <a:endParaRPr lang="en-US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/>
                </a:pPr>
                <a:endParaRPr lang="en-US"/>
              </a:p>
            </c:txPr>
            <c:dLblPos val="bestFit"/>
            <c:showLegendKey val="0"/>
            <c:showVal val="0"/>
            <c:showCatName val="1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FoxMeyer</c:v>
                </c:pt>
                <c:pt idx="1">
                  <c:v>McKensson</c:v>
                </c:pt>
                <c:pt idx="2">
                  <c:v>Bergen's</c:v>
                </c:pt>
                <c:pt idx="3">
                  <c:v>Cardinal</c:v>
                </c:pt>
                <c:pt idx="4">
                  <c:v>Amerisouce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5.5</c:v>
                </c:pt>
                <c:pt idx="1">
                  <c:v>20.8</c:v>
                </c:pt>
                <c:pt idx="2">
                  <c:v>11.6</c:v>
                </c:pt>
                <c:pt idx="3">
                  <c:v>11.5</c:v>
                </c:pt>
                <c:pt idx="4">
                  <c:v>7.8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</c:pieChart>
    </c:plotArea>
    <c:plotVisOnly val="1"/>
    <c:dispBlanksAs val="gap"/>
    <c:showDLblsOverMax val="0"/>
  </c:chart>
  <c:spPr>
    <a:noFill/>
    <a:ln>
      <a:noFill/>
    </a:ln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dPt>
            <c:idx val="2"/>
            <c:bubble3D val="0"/>
            <c:explosion val="7"/>
          </c:dPt>
          <c:dLbls>
            <c:dLbl>
              <c:idx val="0"/>
              <c:layout>
                <c:manualLayout>
                  <c:x val="-0.11430812427516321"/>
                  <c:y val="0.1385256574125771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dLbl>
              <c:idx val="3"/>
              <c:layout>
                <c:manualLayout>
                  <c:x val="0.1238953488372093"/>
                  <c:y val="-0.1422711586462372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100"/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Microsoft Dynamics</c:v>
                </c:pt>
                <c:pt idx="1">
                  <c:v>Oracle</c:v>
                </c:pt>
                <c:pt idx="2">
                  <c:v>SAP</c:v>
                </c:pt>
                <c:pt idx="3">
                  <c:v>Tier II</c:v>
                </c:pt>
                <c:pt idx="4">
                  <c:v>Tier III</c:v>
                </c:pt>
              </c:strCache>
            </c:strRef>
          </c:cat>
          <c:val>
            <c:numRef>
              <c:f>Sheet1!$B$2:$B$6</c:f>
              <c:numCache>
                <c:formatCode>0%</c:formatCode>
                <c:ptCount val="5"/>
                <c:pt idx="0">
                  <c:v>0.1</c:v>
                </c:pt>
                <c:pt idx="1">
                  <c:v>0.15</c:v>
                </c:pt>
                <c:pt idx="2">
                  <c:v>0.22</c:v>
                </c:pt>
                <c:pt idx="3">
                  <c:v>0.16</c:v>
                </c:pt>
                <c:pt idx="4">
                  <c:v>0.3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</c:pieChart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/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/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/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/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/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E8966B89-5D3C-4A40-810D-75FA241DD7AD}" type="presOf" srcId="{964D2983-2DC2-4B6B-B956-D0BF48F73B0D}" destId="{3B78FD85-1884-4977-B82B-212F2C889A93}" srcOrd="0" destOrd="0" presId="urn:microsoft.com/office/officeart/2005/8/layout/hierarchy3"/>
    <dgm:cxn modelId="{D9E5E980-0276-4002-8A34-1F28A149B795}" type="presOf" srcId="{A76B8A7E-DACD-4CF2-97BC-E39C68D57B68}" destId="{7439C03E-36D3-4538-A5F9-7CD50889CC74}" srcOrd="0" destOrd="0" presId="urn:microsoft.com/office/officeart/2005/8/layout/hierarchy3"/>
    <dgm:cxn modelId="{C11C7320-7481-4BB2-BC0B-BF72BE75F144}" type="presOf" srcId="{878E4A6B-4657-4A8E-97C2-126180CE075F}" destId="{F389F534-291C-46B8-9ACF-0FBEC3C032D2}" srcOrd="0" destOrd="0" presId="urn:microsoft.com/office/officeart/2005/8/layout/hierarchy3"/>
    <dgm:cxn modelId="{39C204D1-AF11-4EC9-84D0-FD844A44AEB9}" type="presOf" srcId="{0CED8DBB-0A74-41FF-BCE6-5CE9B28322B5}" destId="{F407E03C-6DCF-42E4-9808-839A0A26059D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DF4EA8BB-AA66-4061-9C44-E94CFDB0B8ED}" type="presOf" srcId="{8A9B2412-20BB-4E1A-8A48-49D028FB4C97}" destId="{2E10C043-1B82-46F9-A1ED-FA1F4BA425A8}" srcOrd="0" destOrd="0" presId="urn:microsoft.com/office/officeart/2005/8/layout/hierarchy3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92907A28-2769-49AA-B6B2-90139350FD57}" type="presOf" srcId="{83442157-3412-4349-AF11-66F66DBAB8EA}" destId="{5EB2497E-72BE-456A-9E88-058B7849AE2E}" srcOrd="0" destOrd="0" presId="urn:microsoft.com/office/officeart/2005/8/layout/hierarchy3"/>
    <dgm:cxn modelId="{3FCB089F-631B-4076-81F1-DC8DB75FF857}" type="presOf" srcId="{9B66550C-87E0-4A23-88F6-41294224589C}" destId="{70D41B84-2C14-46EE-872A-DC483715B07C}" srcOrd="0" destOrd="0" presId="urn:microsoft.com/office/officeart/2005/8/layout/hierarchy3"/>
    <dgm:cxn modelId="{9484EA1E-0E55-42E7-8CB1-04F7766ACE3A}" type="presOf" srcId="{0CED8DBB-0A74-41FF-BCE6-5CE9B28322B5}" destId="{7E25057C-D620-4232-9AD6-8515AFD8E36F}" srcOrd="1" destOrd="0" presId="urn:microsoft.com/office/officeart/2005/8/layout/hierarchy3"/>
    <dgm:cxn modelId="{675EFDCD-2645-42E9-9BDA-C6D9C38303E3}" type="presOf" srcId="{C2A2D4DB-041C-4586-8D99-A781D34D8ABE}" destId="{2F1C5A4B-C69B-4CF7-9A95-E1CFA59838AD}" srcOrd="0" destOrd="0" presId="urn:microsoft.com/office/officeart/2005/8/layout/hierarchy3"/>
    <dgm:cxn modelId="{C1AD79AF-264F-4671-8F61-5E5F2E5B2595}" type="presOf" srcId="{303851D5-BA50-4917-93B9-07C85E7DAB89}" destId="{E1E37841-CE40-43FD-AAC6-8B8BFE9A6A80}" srcOrd="0" destOrd="0" presId="urn:microsoft.com/office/officeart/2005/8/layout/hierarchy3"/>
    <dgm:cxn modelId="{204EEF95-E8ED-4AC9-BFC3-97AED96EB34C}" type="presOf" srcId="{92DB2428-D193-4200-A91D-8D5295E9C122}" destId="{06C91268-3B73-4987-84E1-657CB9855A1B}" srcOrd="0" destOrd="0" presId="urn:microsoft.com/office/officeart/2005/8/layout/hierarchy3"/>
    <dgm:cxn modelId="{A7AD5445-51B5-4CB8-B179-CEF4F01B5FAD}" type="presOf" srcId="{A41FCAC9-CBCF-4C33-9CF9-FEA3EF1C7968}" destId="{A6AEFD6F-6390-4EAE-8660-3D446F0C3FBD}" srcOrd="0" destOrd="0" presId="urn:microsoft.com/office/officeart/2005/8/layout/hierarchy3"/>
    <dgm:cxn modelId="{35C0C150-B37E-455A-8E50-C0D89417BBDE}" type="presOf" srcId="{AF64BBCC-6653-4CDB-8A94-D4E4796B949A}" destId="{B67A04C3-895F-42D9-9C07-2693D48BC9E5}" srcOrd="0" destOrd="0" presId="urn:microsoft.com/office/officeart/2005/8/layout/hierarchy3"/>
    <dgm:cxn modelId="{5848C775-A370-4CBD-A1A0-1AD61B22B958}" type="presParOf" srcId="{2E10C043-1B82-46F9-A1ED-FA1F4BA425A8}" destId="{79C61552-9F94-4871-B816-72C0B39475FE}" srcOrd="0" destOrd="0" presId="urn:microsoft.com/office/officeart/2005/8/layout/hierarchy3"/>
    <dgm:cxn modelId="{A2C7062A-C7AE-4893-95AF-C7D75A9B5966}" type="presParOf" srcId="{79C61552-9F94-4871-B816-72C0B39475FE}" destId="{58674891-814B-4F77-8A5A-597C4E381471}" srcOrd="0" destOrd="0" presId="urn:microsoft.com/office/officeart/2005/8/layout/hierarchy3"/>
    <dgm:cxn modelId="{0D54DB22-D78B-451E-BC22-BF3D93A5CF21}" type="presParOf" srcId="{58674891-814B-4F77-8A5A-597C4E381471}" destId="{F407E03C-6DCF-42E4-9808-839A0A26059D}" srcOrd="0" destOrd="0" presId="urn:microsoft.com/office/officeart/2005/8/layout/hierarchy3"/>
    <dgm:cxn modelId="{B2B24442-48ED-41A3-9501-5D3E4FB16A79}" type="presParOf" srcId="{58674891-814B-4F77-8A5A-597C4E381471}" destId="{7E25057C-D620-4232-9AD6-8515AFD8E36F}" srcOrd="1" destOrd="0" presId="urn:microsoft.com/office/officeart/2005/8/layout/hierarchy3"/>
    <dgm:cxn modelId="{8EA72BBF-C8C2-40E4-91DA-0C7753623DD4}" type="presParOf" srcId="{79C61552-9F94-4871-B816-72C0B39475FE}" destId="{05FC3B3E-D0FB-46BC-B0CB-91E711D3E371}" srcOrd="1" destOrd="0" presId="urn:microsoft.com/office/officeart/2005/8/layout/hierarchy3"/>
    <dgm:cxn modelId="{975A9CA0-CE78-47A5-89BC-69D2C9647895}" type="presParOf" srcId="{05FC3B3E-D0FB-46BC-B0CB-91E711D3E371}" destId="{70D41B84-2C14-46EE-872A-DC483715B07C}" srcOrd="0" destOrd="0" presId="urn:microsoft.com/office/officeart/2005/8/layout/hierarchy3"/>
    <dgm:cxn modelId="{A1ACFFEF-6032-4334-9024-6E99C38758B5}" type="presParOf" srcId="{05FC3B3E-D0FB-46BC-B0CB-91E711D3E371}" destId="{A6AEFD6F-6390-4EAE-8660-3D446F0C3FBD}" srcOrd="1" destOrd="0" presId="urn:microsoft.com/office/officeart/2005/8/layout/hierarchy3"/>
    <dgm:cxn modelId="{0C5DA2CB-7CEB-4856-86AA-6AAA60FF7BBF}" type="presParOf" srcId="{05FC3B3E-D0FB-46BC-B0CB-91E711D3E371}" destId="{7439C03E-36D3-4538-A5F9-7CD50889CC74}" srcOrd="2" destOrd="0" presId="urn:microsoft.com/office/officeart/2005/8/layout/hierarchy3"/>
    <dgm:cxn modelId="{C061A411-CE3C-4056-B6F6-772E3D798EA7}" type="presParOf" srcId="{05FC3B3E-D0FB-46BC-B0CB-91E711D3E371}" destId="{3B78FD85-1884-4977-B82B-212F2C889A93}" srcOrd="3" destOrd="0" presId="urn:microsoft.com/office/officeart/2005/8/layout/hierarchy3"/>
    <dgm:cxn modelId="{A6EAC60A-71C5-4408-9776-4E59E6017862}" type="presParOf" srcId="{05FC3B3E-D0FB-46BC-B0CB-91E711D3E371}" destId="{E1E37841-CE40-43FD-AAC6-8B8BFE9A6A80}" srcOrd="4" destOrd="0" presId="urn:microsoft.com/office/officeart/2005/8/layout/hierarchy3"/>
    <dgm:cxn modelId="{F6FF7433-61FA-40FE-8D48-CA32B70ABAAE}" type="presParOf" srcId="{05FC3B3E-D0FB-46BC-B0CB-91E711D3E371}" destId="{5EB2497E-72BE-456A-9E88-058B7849AE2E}" srcOrd="5" destOrd="0" presId="urn:microsoft.com/office/officeart/2005/8/layout/hierarchy3"/>
    <dgm:cxn modelId="{646395C7-D179-424A-AFD6-598ACF5E63E6}" type="presParOf" srcId="{05FC3B3E-D0FB-46BC-B0CB-91E711D3E371}" destId="{F389F534-291C-46B8-9ACF-0FBEC3C032D2}" srcOrd="6" destOrd="0" presId="urn:microsoft.com/office/officeart/2005/8/layout/hierarchy3"/>
    <dgm:cxn modelId="{DC726F54-47A4-4FBB-8B23-BE83F615CC4D}" type="presParOf" srcId="{05FC3B3E-D0FB-46BC-B0CB-91E711D3E371}" destId="{06C91268-3B73-4987-84E1-657CB9855A1B}" srcOrd="7" destOrd="0" presId="urn:microsoft.com/office/officeart/2005/8/layout/hierarchy3"/>
    <dgm:cxn modelId="{7A0BF107-E40C-40A2-AB95-39FAF9E55FFF}" type="presParOf" srcId="{05FC3B3E-D0FB-46BC-B0CB-91E711D3E371}" destId="{B67A04C3-895F-42D9-9C07-2693D48BC9E5}" srcOrd="8" destOrd="0" presId="urn:microsoft.com/office/officeart/2005/8/layout/hierarchy3"/>
    <dgm:cxn modelId="{C6916167-EC7C-4923-B5E8-450667ACE317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>
        <dgm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dgm:style>
      </dgm:prSet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/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/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/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/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CD4E906-64F3-4370-8A14-189C83415682}" type="presOf" srcId="{878E4A6B-4657-4A8E-97C2-126180CE075F}" destId="{F389F534-291C-46B8-9ACF-0FBEC3C032D2}" srcOrd="0" destOrd="0" presId="urn:microsoft.com/office/officeart/2005/8/layout/hierarchy3"/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0A30EEEC-DC0A-4AFE-B6EC-55EA6C9220E5}" type="presOf" srcId="{303851D5-BA50-4917-93B9-07C85E7DAB89}" destId="{E1E37841-CE40-43FD-AAC6-8B8BFE9A6A80}" srcOrd="0" destOrd="0" presId="urn:microsoft.com/office/officeart/2005/8/layout/hierarchy3"/>
    <dgm:cxn modelId="{550A7AF0-DEFC-4572-B36D-49A17E860FB1}" type="presOf" srcId="{AF64BBCC-6653-4CDB-8A94-D4E4796B949A}" destId="{B67A04C3-895F-42D9-9C07-2693D48BC9E5}" srcOrd="0" destOrd="0" presId="urn:microsoft.com/office/officeart/2005/8/layout/hierarchy3"/>
    <dgm:cxn modelId="{86032D7C-6BB9-4544-852F-CD84DB75CAB7}" type="presOf" srcId="{0CED8DBB-0A74-41FF-BCE6-5CE9B28322B5}" destId="{7E25057C-D620-4232-9AD6-8515AFD8E36F}" srcOrd="1" destOrd="0" presId="urn:microsoft.com/office/officeart/2005/8/layout/hierarchy3"/>
    <dgm:cxn modelId="{CEC4881A-02DC-4E5F-A7B2-0B03493AACF9}" type="presOf" srcId="{964D2983-2DC2-4B6B-B956-D0BF48F73B0D}" destId="{3B78FD85-1884-4977-B82B-212F2C889A93}" srcOrd="0" destOrd="0" presId="urn:microsoft.com/office/officeart/2005/8/layout/hierarchy3"/>
    <dgm:cxn modelId="{9C86C6AB-D66A-4DB3-A99C-5ACDAC0BA64A}" type="presOf" srcId="{92DB2428-D193-4200-A91D-8D5295E9C122}" destId="{06C91268-3B73-4987-84E1-657CB9855A1B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13778400-E684-4EE5-96DE-44AC3F5E184F}" type="presOf" srcId="{0CED8DBB-0A74-41FF-BCE6-5CE9B28322B5}" destId="{F407E03C-6DCF-42E4-9808-839A0A26059D}" srcOrd="0" destOrd="0" presId="urn:microsoft.com/office/officeart/2005/8/layout/hierarchy3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6B7CF3B1-B577-4370-98D5-78750ABA71D9}" type="presOf" srcId="{8A9B2412-20BB-4E1A-8A48-49D028FB4C97}" destId="{2E10C043-1B82-46F9-A1ED-FA1F4BA425A8}" srcOrd="0" destOrd="0" presId="urn:microsoft.com/office/officeart/2005/8/layout/hierarchy3"/>
    <dgm:cxn modelId="{CF9DA028-5673-4951-8CDC-DC070D3CAC1D}" type="presOf" srcId="{C2A2D4DB-041C-4586-8D99-A781D34D8ABE}" destId="{2F1C5A4B-C69B-4CF7-9A95-E1CFA59838AD}" srcOrd="0" destOrd="0" presId="urn:microsoft.com/office/officeart/2005/8/layout/hierarchy3"/>
    <dgm:cxn modelId="{5CD48C6C-2CE4-4A01-ACFA-CBC886B40D27}" type="presOf" srcId="{A41FCAC9-CBCF-4C33-9CF9-FEA3EF1C7968}" destId="{A6AEFD6F-6390-4EAE-8660-3D446F0C3FBD}" srcOrd="0" destOrd="0" presId="urn:microsoft.com/office/officeart/2005/8/layout/hierarchy3"/>
    <dgm:cxn modelId="{1402E603-C371-40DE-8182-9F8D74A205FF}" type="presOf" srcId="{A76B8A7E-DACD-4CF2-97BC-E39C68D57B68}" destId="{7439C03E-36D3-4538-A5F9-7CD50889CC74}" srcOrd="0" destOrd="0" presId="urn:microsoft.com/office/officeart/2005/8/layout/hierarchy3"/>
    <dgm:cxn modelId="{AE6D1457-9341-4E35-BC97-2A2C12ED554F}" type="presOf" srcId="{83442157-3412-4349-AF11-66F66DBAB8EA}" destId="{5EB2497E-72BE-456A-9E88-058B7849AE2E}" srcOrd="0" destOrd="0" presId="urn:microsoft.com/office/officeart/2005/8/layout/hierarchy3"/>
    <dgm:cxn modelId="{BB38D53B-49B1-4E5F-B95A-F91B432AD95F}" type="presOf" srcId="{9B66550C-87E0-4A23-88F6-41294224589C}" destId="{70D41B84-2C14-46EE-872A-DC483715B07C}" srcOrd="0" destOrd="0" presId="urn:microsoft.com/office/officeart/2005/8/layout/hierarchy3"/>
    <dgm:cxn modelId="{699A16EB-E636-470D-AF32-CBBF7ACCD23B}" type="presParOf" srcId="{2E10C043-1B82-46F9-A1ED-FA1F4BA425A8}" destId="{79C61552-9F94-4871-B816-72C0B39475FE}" srcOrd="0" destOrd="0" presId="urn:microsoft.com/office/officeart/2005/8/layout/hierarchy3"/>
    <dgm:cxn modelId="{34E07F64-1E1B-4BE0-A7E8-F5946420896F}" type="presParOf" srcId="{79C61552-9F94-4871-B816-72C0B39475FE}" destId="{58674891-814B-4F77-8A5A-597C4E381471}" srcOrd="0" destOrd="0" presId="urn:microsoft.com/office/officeart/2005/8/layout/hierarchy3"/>
    <dgm:cxn modelId="{4751CD30-49B2-4540-A6FB-58454954EFF4}" type="presParOf" srcId="{58674891-814B-4F77-8A5A-597C4E381471}" destId="{F407E03C-6DCF-42E4-9808-839A0A26059D}" srcOrd="0" destOrd="0" presId="urn:microsoft.com/office/officeart/2005/8/layout/hierarchy3"/>
    <dgm:cxn modelId="{436B8DE9-9CBE-4D8C-836E-CB46603B46AF}" type="presParOf" srcId="{58674891-814B-4F77-8A5A-597C4E381471}" destId="{7E25057C-D620-4232-9AD6-8515AFD8E36F}" srcOrd="1" destOrd="0" presId="urn:microsoft.com/office/officeart/2005/8/layout/hierarchy3"/>
    <dgm:cxn modelId="{BC8AB75A-9817-4D2A-9211-D5454A1531CA}" type="presParOf" srcId="{79C61552-9F94-4871-B816-72C0B39475FE}" destId="{05FC3B3E-D0FB-46BC-B0CB-91E711D3E371}" srcOrd="1" destOrd="0" presId="urn:microsoft.com/office/officeart/2005/8/layout/hierarchy3"/>
    <dgm:cxn modelId="{11045C0E-7447-4CD4-BEBC-D40621120867}" type="presParOf" srcId="{05FC3B3E-D0FB-46BC-B0CB-91E711D3E371}" destId="{70D41B84-2C14-46EE-872A-DC483715B07C}" srcOrd="0" destOrd="0" presId="urn:microsoft.com/office/officeart/2005/8/layout/hierarchy3"/>
    <dgm:cxn modelId="{3B6AD734-383E-4640-9ABF-5BB229F9046F}" type="presParOf" srcId="{05FC3B3E-D0FB-46BC-B0CB-91E711D3E371}" destId="{A6AEFD6F-6390-4EAE-8660-3D446F0C3FBD}" srcOrd="1" destOrd="0" presId="urn:microsoft.com/office/officeart/2005/8/layout/hierarchy3"/>
    <dgm:cxn modelId="{48E15EC9-091B-4ED0-8DEF-45766D7AC6D0}" type="presParOf" srcId="{05FC3B3E-D0FB-46BC-B0CB-91E711D3E371}" destId="{7439C03E-36D3-4538-A5F9-7CD50889CC74}" srcOrd="2" destOrd="0" presId="urn:microsoft.com/office/officeart/2005/8/layout/hierarchy3"/>
    <dgm:cxn modelId="{4842A20C-9710-496D-A6C1-A466997ECB76}" type="presParOf" srcId="{05FC3B3E-D0FB-46BC-B0CB-91E711D3E371}" destId="{3B78FD85-1884-4977-B82B-212F2C889A93}" srcOrd="3" destOrd="0" presId="urn:microsoft.com/office/officeart/2005/8/layout/hierarchy3"/>
    <dgm:cxn modelId="{149E94FF-ED13-431A-9D46-3DE813123600}" type="presParOf" srcId="{05FC3B3E-D0FB-46BC-B0CB-91E711D3E371}" destId="{E1E37841-CE40-43FD-AAC6-8B8BFE9A6A80}" srcOrd="4" destOrd="0" presId="urn:microsoft.com/office/officeart/2005/8/layout/hierarchy3"/>
    <dgm:cxn modelId="{4274F5E0-DA27-4E0C-813B-DFB437DEF10B}" type="presParOf" srcId="{05FC3B3E-D0FB-46BC-B0CB-91E711D3E371}" destId="{5EB2497E-72BE-456A-9E88-058B7849AE2E}" srcOrd="5" destOrd="0" presId="urn:microsoft.com/office/officeart/2005/8/layout/hierarchy3"/>
    <dgm:cxn modelId="{8A7023A6-EE96-4350-B58A-CB5ED4F49AF4}" type="presParOf" srcId="{05FC3B3E-D0FB-46BC-B0CB-91E711D3E371}" destId="{F389F534-291C-46B8-9ACF-0FBEC3C032D2}" srcOrd="6" destOrd="0" presId="urn:microsoft.com/office/officeart/2005/8/layout/hierarchy3"/>
    <dgm:cxn modelId="{5744088D-4366-415D-A6FA-146ECD568057}" type="presParOf" srcId="{05FC3B3E-D0FB-46BC-B0CB-91E711D3E371}" destId="{06C91268-3B73-4987-84E1-657CB9855A1B}" srcOrd="7" destOrd="0" presId="urn:microsoft.com/office/officeart/2005/8/layout/hierarchy3"/>
    <dgm:cxn modelId="{70731A41-6474-43C0-8D8A-3B1AF098B0C0}" type="presParOf" srcId="{05FC3B3E-D0FB-46BC-B0CB-91E711D3E371}" destId="{B67A04C3-895F-42D9-9C07-2693D48BC9E5}" srcOrd="8" destOrd="0" presId="urn:microsoft.com/office/officeart/2005/8/layout/hierarchy3"/>
    <dgm:cxn modelId="{76C3A1DF-A86A-46C6-95D3-B4D5E1AF4FDE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>
        <dgm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dgm:style>
      </dgm:prSet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/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/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/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C6FD094B-C558-4B10-B6A8-960E4B527F27}" type="presOf" srcId="{9B66550C-87E0-4A23-88F6-41294224589C}" destId="{70D41B84-2C14-46EE-872A-DC483715B07C}" srcOrd="0" destOrd="0" presId="urn:microsoft.com/office/officeart/2005/8/layout/hierarchy3"/>
    <dgm:cxn modelId="{9C7621F7-8E5F-453B-A001-BFB0EEE01746}" type="presOf" srcId="{878E4A6B-4657-4A8E-97C2-126180CE075F}" destId="{F389F534-291C-46B8-9ACF-0FBEC3C032D2}" srcOrd="0" destOrd="0" presId="urn:microsoft.com/office/officeart/2005/8/layout/hierarchy3"/>
    <dgm:cxn modelId="{F8D4DFAC-1FFE-4878-A316-46717A3DE64E}" type="presOf" srcId="{AF64BBCC-6653-4CDB-8A94-D4E4796B949A}" destId="{B67A04C3-895F-42D9-9C07-2693D48BC9E5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9D69218A-7895-4404-8744-4E3E71AE59D8}" type="presOf" srcId="{83442157-3412-4349-AF11-66F66DBAB8EA}" destId="{5EB2497E-72BE-456A-9E88-058B7849AE2E}" srcOrd="0" destOrd="0" presId="urn:microsoft.com/office/officeart/2005/8/layout/hierarchy3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71A940F1-53AB-4078-A3D1-EFBC61C397E9}" type="presOf" srcId="{C2A2D4DB-041C-4586-8D99-A781D34D8ABE}" destId="{2F1C5A4B-C69B-4CF7-9A95-E1CFA59838AD}" srcOrd="0" destOrd="0" presId="urn:microsoft.com/office/officeart/2005/8/layout/hierarchy3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EB4CD6AD-8351-41A7-92B9-B07AE696ABB1}" type="presOf" srcId="{8A9B2412-20BB-4E1A-8A48-49D028FB4C97}" destId="{2E10C043-1B82-46F9-A1ED-FA1F4BA425A8}" srcOrd="0" destOrd="0" presId="urn:microsoft.com/office/officeart/2005/8/layout/hierarchy3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1E324851-4652-4704-A028-2F7001A27D6D}" type="presOf" srcId="{0CED8DBB-0A74-41FF-BCE6-5CE9B28322B5}" destId="{7E25057C-D620-4232-9AD6-8515AFD8E36F}" srcOrd="1" destOrd="0" presId="urn:microsoft.com/office/officeart/2005/8/layout/hierarchy3"/>
    <dgm:cxn modelId="{281AE206-C55E-457B-897F-96CA4CE6D504}" type="presOf" srcId="{303851D5-BA50-4917-93B9-07C85E7DAB89}" destId="{E1E37841-CE40-43FD-AAC6-8B8BFE9A6A80}" srcOrd="0" destOrd="0" presId="urn:microsoft.com/office/officeart/2005/8/layout/hierarchy3"/>
    <dgm:cxn modelId="{352A29EF-58DC-4EED-BFAB-2636950B35F8}" type="presOf" srcId="{92DB2428-D193-4200-A91D-8D5295E9C122}" destId="{06C91268-3B73-4987-84E1-657CB9855A1B}" srcOrd="0" destOrd="0" presId="urn:microsoft.com/office/officeart/2005/8/layout/hierarchy3"/>
    <dgm:cxn modelId="{5101037C-7922-41E2-9F54-EA0A6481034D}" type="presOf" srcId="{0CED8DBB-0A74-41FF-BCE6-5CE9B28322B5}" destId="{F407E03C-6DCF-42E4-9808-839A0A26059D}" srcOrd="0" destOrd="0" presId="urn:microsoft.com/office/officeart/2005/8/layout/hierarchy3"/>
    <dgm:cxn modelId="{0E3B2547-0C4B-446D-A4C0-82A0EEDCD535}" type="presOf" srcId="{A41FCAC9-CBCF-4C33-9CF9-FEA3EF1C7968}" destId="{A6AEFD6F-6390-4EAE-8660-3D446F0C3FBD}" srcOrd="0" destOrd="0" presId="urn:microsoft.com/office/officeart/2005/8/layout/hierarchy3"/>
    <dgm:cxn modelId="{A4F9B443-20DC-4394-BBD2-38C3F9DC209D}" type="presOf" srcId="{964D2983-2DC2-4B6B-B956-D0BF48F73B0D}" destId="{3B78FD85-1884-4977-B82B-212F2C889A93}" srcOrd="0" destOrd="0" presId="urn:microsoft.com/office/officeart/2005/8/layout/hierarchy3"/>
    <dgm:cxn modelId="{0D76E8B4-75DC-4AF3-992E-24FCDCEA1770}" type="presOf" srcId="{A76B8A7E-DACD-4CF2-97BC-E39C68D57B68}" destId="{7439C03E-36D3-4538-A5F9-7CD50889CC74}" srcOrd="0" destOrd="0" presId="urn:microsoft.com/office/officeart/2005/8/layout/hierarchy3"/>
    <dgm:cxn modelId="{C49DE06B-3A87-459F-A6DC-154AC48874FA}" type="presParOf" srcId="{2E10C043-1B82-46F9-A1ED-FA1F4BA425A8}" destId="{79C61552-9F94-4871-B816-72C0B39475FE}" srcOrd="0" destOrd="0" presId="urn:microsoft.com/office/officeart/2005/8/layout/hierarchy3"/>
    <dgm:cxn modelId="{9CC904A3-9593-4BAF-8653-5F48F71CC68E}" type="presParOf" srcId="{79C61552-9F94-4871-B816-72C0B39475FE}" destId="{58674891-814B-4F77-8A5A-597C4E381471}" srcOrd="0" destOrd="0" presId="urn:microsoft.com/office/officeart/2005/8/layout/hierarchy3"/>
    <dgm:cxn modelId="{4F95B017-7534-4E29-918E-D52126C30C3F}" type="presParOf" srcId="{58674891-814B-4F77-8A5A-597C4E381471}" destId="{F407E03C-6DCF-42E4-9808-839A0A26059D}" srcOrd="0" destOrd="0" presId="urn:microsoft.com/office/officeart/2005/8/layout/hierarchy3"/>
    <dgm:cxn modelId="{DF3DB874-3DAC-4065-8AB2-43FF56DF37A5}" type="presParOf" srcId="{58674891-814B-4F77-8A5A-597C4E381471}" destId="{7E25057C-D620-4232-9AD6-8515AFD8E36F}" srcOrd="1" destOrd="0" presId="urn:microsoft.com/office/officeart/2005/8/layout/hierarchy3"/>
    <dgm:cxn modelId="{8AA1E2E7-B126-4E58-835C-3B539614F2D1}" type="presParOf" srcId="{79C61552-9F94-4871-B816-72C0B39475FE}" destId="{05FC3B3E-D0FB-46BC-B0CB-91E711D3E371}" srcOrd="1" destOrd="0" presId="urn:microsoft.com/office/officeart/2005/8/layout/hierarchy3"/>
    <dgm:cxn modelId="{6ACF6926-CE23-44CD-89C5-3B32758210F2}" type="presParOf" srcId="{05FC3B3E-D0FB-46BC-B0CB-91E711D3E371}" destId="{70D41B84-2C14-46EE-872A-DC483715B07C}" srcOrd="0" destOrd="0" presId="urn:microsoft.com/office/officeart/2005/8/layout/hierarchy3"/>
    <dgm:cxn modelId="{54902C80-EE5E-4D68-A9E4-8F8E67B22467}" type="presParOf" srcId="{05FC3B3E-D0FB-46BC-B0CB-91E711D3E371}" destId="{A6AEFD6F-6390-4EAE-8660-3D446F0C3FBD}" srcOrd="1" destOrd="0" presId="urn:microsoft.com/office/officeart/2005/8/layout/hierarchy3"/>
    <dgm:cxn modelId="{7D3B9B4B-76DD-411F-A7F3-FC206CDA26F9}" type="presParOf" srcId="{05FC3B3E-D0FB-46BC-B0CB-91E711D3E371}" destId="{7439C03E-36D3-4538-A5F9-7CD50889CC74}" srcOrd="2" destOrd="0" presId="urn:microsoft.com/office/officeart/2005/8/layout/hierarchy3"/>
    <dgm:cxn modelId="{49403909-28A6-4559-9140-F1FB22372779}" type="presParOf" srcId="{05FC3B3E-D0FB-46BC-B0CB-91E711D3E371}" destId="{3B78FD85-1884-4977-B82B-212F2C889A93}" srcOrd="3" destOrd="0" presId="urn:microsoft.com/office/officeart/2005/8/layout/hierarchy3"/>
    <dgm:cxn modelId="{F45CA800-8F5E-425B-B6EC-1AF572C4FEA1}" type="presParOf" srcId="{05FC3B3E-D0FB-46BC-B0CB-91E711D3E371}" destId="{E1E37841-CE40-43FD-AAC6-8B8BFE9A6A80}" srcOrd="4" destOrd="0" presId="urn:microsoft.com/office/officeart/2005/8/layout/hierarchy3"/>
    <dgm:cxn modelId="{7068E689-34A0-4EA4-98B6-CFFB485DEBA9}" type="presParOf" srcId="{05FC3B3E-D0FB-46BC-B0CB-91E711D3E371}" destId="{5EB2497E-72BE-456A-9E88-058B7849AE2E}" srcOrd="5" destOrd="0" presId="urn:microsoft.com/office/officeart/2005/8/layout/hierarchy3"/>
    <dgm:cxn modelId="{AA5C8BAD-FC38-432F-8A8D-3DA4B599AC96}" type="presParOf" srcId="{05FC3B3E-D0FB-46BC-B0CB-91E711D3E371}" destId="{F389F534-291C-46B8-9ACF-0FBEC3C032D2}" srcOrd="6" destOrd="0" presId="urn:microsoft.com/office/officeart/2005/8/layout/hierarchy3"/>
    <dgm:cxn modelId="{0B326897-8749-4788-B046-1A53B334B9A0}" type="presParOf" srcId="{05FC3B3E-D0FB-46BC-B0CB-91E711D3E371}" destId="{06C91268-3B73-4987-84E1-657CB9855A1B}" srcOrd="7" destOrd="0" presId="urn:microsoft.com/office/officeart/2005/8/layout/hierarchy3"/>
    <dgm:cxn modelId="{99A17094-4AFB-41DE-82CA-50ED672E4BDE}" type="presParOf" srcId="{05FC3B3E-D0FB-46BC-B0CB-91E711D3E371}" destId="{B67A04C3-895F-42D9-9C07-2693D48BC9E5}" srcOrd="8" destOrd="0" presId="urn:microsoft.com/office/officeart/2005/8/layout/hierarchy3"/>
    <dgm:cxn modelId="{8046EC25-072A-4300-A491-CE7661D18BBC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/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>
        <dgm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dgm:style>
      </dgm:prSet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/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15361986-9923-4C63-A5D2-A198547EF6E9}" type="presOf" srcId="{878E4A6B-4657-4A8E-97C2-126180CE075F}" destId="{F389F534-291C-46B8-9ACF-0FBEC3C032D2}" srcOrd="0" destOrd="0" presId="urn:microsoft.com/office/officeart/2005/8/layout/hierarchy3"/>
    <dgm:cxn modelId="{D4969D7E-1505-447F-AC57-298DB70DF25C}" type="presOf" srcId="{964D2983-2DC2-4B6B-B956-D0BF48F73B0D}" destId="{3B78FD85-1884-4977-B82B-212F2C889A93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66EA9F4F-9BF9-4C37-AB7A-EA45C6365269}" type="presOf" srcId="{303851D5-BA50-4917-93B9-07C85E7DAB89}" destId="{E1E37841-CE40-43FD-AAC6-8B8BFE9A6A80}" srcOrd="0" destOrd="0" presId="urn:microsoft.com/office/officeart/2005/8/layout/hierarchy3"/>
    <dgm:cxn modelId="{F354E916-1879-4FE3-AF59-30ECD06EBFCF}" type="presOf" srcId="{C2A2D4DB-041C-4586-8D99-A781D34D8ABE}" destId="{2F1C5A4B-C69B-4CF7-9A95-E1CFA59838AD}" srcOrd="0" destOrd="0" presId="urn:microsoft.com/office/officeart/2005/8/layout/hierarchy3"/>
    <dgm:cxn modelId="{18B1CC24-9577-48E9-9589-C2CAB6B69D53}" type="presOf" srcId="{0CED8DBB-0A74-41FF-BCE6-5CE9B28322B5}" destId="{7E25057C-D620-4232-9AD6-8515AFD8E36F}" srcOrd="1" destOrd="0" presId="urn:microsoft.com/office/officeart/2005/8/layout/hierarchy3"/>
    <dgm:cxn modelId="{244FB938-49C7-42C7-8FF4-0743601979A1}" type="presOf" srcId="{9B66550C-87E0-4A23-88F6-41294224589C}" destId="{70D41B84-2C14-46EE-872A-DC483715B07C}" srcOrd="0" destOrd="0" presId="urn:microsoft.com/office/officeart/2005/8/layout/hierarchy3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5F0FC8B1-0F86-40B8-B5C3-CB97AF2A3554}" type="presOf" srcId="{AF64BBCC-6653-4CDB-8A94-D4E4796B949A}" destId="{B67A04C3-895F-42D9-9C07-2693D48BC9E5}" srcOrd="0" destOrd="0" presId="urn:microsoft.com/office/officeart/2005/8/layout/hierarchy3"/>
    <dgm:cxn modelId="{AB83CD74-3104-4F08-81DE-22BA6BBE312E}" type="presOf" srcId="{8A9B2412-20BB-4E1A-8A48-49D028FB4C97}" destId="{2E10C043-1B82-46F9-A1ED-FA1F4BA425A8}" srcOrd="0" destOrd="0" presId="urn:microsoft.com/office/officeart/2005/8/layout/hierarchy3"/>
    <dgm:cxn modelId="{892F47AE-22C3-4985-B51B-B86402908868}" type="presOf" srcId="{A76B8A7E-DACD-4CF2-97BC-E39C68D57B68}" destId="{7439C03E-36D3-4538-A5F9-7CD50889CC74}" srcOrd="0" destOrd="0" presId="urn:microsoft.com/office/officeart/2005/8/layout/hierarchy3"/>
    <dgm:cxn modelId="{1A70C7E9-1A6D-4E91-8601-88A46FAA6716}" type="presOf" srcId="{83442157-3412-4349-AF11-66F66DBAB8EA}" destId="{5EB2497E-72BE-456A-9E88-058B7849AE2E}" srcOrd="0" destOrd="0" presId="urn:microsoft.com/office/officeart/2005/8/layout/hierarchy3"/>
    <dgm:cxn modelId="{DB1A5DBF-0A78-4303-9F30-7057AB51417B}" type="presOf" srcId="{A41FCAC9-CBCF-4C33-9CF9-FEA3EF1C7968}" destId="{A6AEFD6F-6390-4EAE-8660-3D446F0C3FBD}" srcOrd="0" destOrd="0" presId="urn:microsoft.com/office/officeart/2005/8/layout/hierarchy3"/>
    <dgm:cxn modelId="{371F00B8-396C-4B39-8219-675092E23314}" type="presOf" srcId="{0CED8DBB-0A74-41FF-BCE6-5CE9B28322B5}" destId="{F407E03C-6DCF-42E4-9808-839A0A26059D}" srcOrd="0" destOrd="0" presId="urn:microsoft.com/office/officeart/2005/8/layout/hierarchy3"/>
    <dgm:cxn modelId="{588C7C2F-D2C3-47AB-85B6-7508B70EA10F}" type="presOf" srcId="{92DB2428-D193-4200-A91D-8D5295E9C122}" destId="{06C91268-3B73-4987-84E1-657CB9855A1B}" srcOrd="0" destOrd="0" presId="urn:microsoft.com/office/officeart/2005/8/layout/hierarchy3"/>
    <dgm:cxn modelId="{D62D762F-4F14-4436-A75E-D46F4FDAA08D}" type="presParOf" srcId="{2E10C043-1B82-46F9-A1ED-FA1F4BA425A8}" destId="{79C61552-9F94-4871-B816-72C0B39475FE}" srcOrd="0" destOrd="0" presId="urn:microsoft.com/office/officeart/2005/8/layout/hierarchy3"/>
    <dgm:cxn modelId="{DBD76DD7-6484-47FC-A14B-FA91891EE352}" type="presParOf" srcId="{79C61552-9F94-4871-B816-72C0B39475FE}" destId="{58674891-814B-4F77-8A5A-597C4E381471}" srcOrd="0" destOrd="0" presId="urn:microsoft.com/office/officeart/2005/8/layout/hierarchy3"/>
    <dgm:cxn modelId="{956434C0-9D0D-459B-B195-518AD1C034DA}" type="presParOf" srcId="{58674891-814B-4F77-8A5A-597C4E381471}" destId="{F407E03C-6DCF-42E4-9808-839A0A26059D}" srcOrd="0" destOrd="0" presId="urn:microsoft.com/office/officeart/2005/8/layout/hierarchy3"/>
    <dgm:cxn modelId="{C9481537-F6B6-4E62-B38D-EA0FDA424CA3}" type="presParOf" srcId="{58674891-814B-4F77-8A5A-597C4E381471}" destId="{7E25057C-D620-4232-9AD6-8515AFD8E36F}" srcOrd="1" destOrd="0" presId="urn:microsoft.com/office/officeart/2005/8/layout/hierarchy3"/>
    <dgm:cxn modelId="{F0B4DB94-8B63-407C-8F6A-0D5329418BB8}" type="presParOf" srcId="{79C61552-9F94-4871-B816-72C0B39475FE}" destId="{05FC3B3E-D0FB-46BC-B0CB-91E711D3E371}" srcOrd="1" destOrd="0" presId="urn:microsoft.com/office/officeart/2005/8/layout/hierarchy3"/>
    <dgm:cxn modelId="{FD5D0A79-5806-4BC9-9DD5-20CD65B6940E}" type="presParOf" srcId="{05FC3B3E-D0FB-46BC-B0CB-91E711D3E371}" destId="{70D41B84-2C14-46EE-872A-DC483715B07C}" srcOrd="0" destOrd="0" presId="urn:microsoft.com/office/officeart/2005/8/layout/hierarchy3"/>
    <dgm:cxn modelId="{428253ED-97F9-4A04-BCE6-DE7E9C6D83E6}" type="presParOf" srcId="{05FC3B3E-D0FB-46BC-B0CB-91E711D3E371}" destId="{A6AEFD6F-6390-4EAE-8660-3D446F0C3FBD}" srcOrd="1" destOrd="0" presId="urn:microsoft.com/office/officeart/2005/8/layout/hierarchy3"/>
    <dgm:cxn modelId="{43B29D53-7D0B-41AB-86B8-B64CF4C1EEEB}" type="presParOf" srcId="{05FC3B3E-D0FB-46BC-B0CB-91E711D3E371}" destId="{7439C03E-36D3-4538-A5F9-7CD50889CC74}" srcOrd="2" destOrd="0" presId="urn:microsoft.com/office/officeart/2005/8/layout/hierarchy3"/>
    <dgm:cxn modelId="{CFD57C5E-B4EA-4BE7-9712-130EA3836BD8}" type="presParOf" srcId="{05FC3B3E-D0FB-46BC-B0CB-91E711D3E371}" destId="{3B78FD85-1884-4977-B82B-212F2C889A93}" srcOrd="3" destOrd="0" presId="urn:microsoft.com/office/officeart/2005/8/layout/hierarchy3"/>
    <dgm:cxn modelId="{D4372321-0547-4337-A463-C00DDB055B74}" type="presParOf" srcId="{05FC3B3E-D0FB-46BC-B0CB-91E711D3E371}" destId="{E1E37841-CE40-43FD-AAC6-8B8BFE9A6A80}" srcOrd="4" destOrd="0" presId="urn:microsoft.com/office/officeart/2005/8/layout/hierarchy3"/>
    <dgm:cxn modelId="{52D2AAE6-F3EF-40BF-9A22-331F08DE34E0}" type="presParOf" srcId="{05FC3B3E-D0FB-46BC-B0CB-91E711D3E371}" destId="{5EB2497E-72BE-456A-9E88-058B7849AE2E}" srcOrd="5" destOrd="0" presId="urn:microsoft.com/office/officeart/2005/8/layout/hierarchy3"/>
    <dgm:cxn modelId="{7F51D0E8-2387-4F3C-88C8-2FBD0A7C670F}" type="presParOf" srcId="{05FC3B3E-D0FB-46BC-B0CB-91E711D3E371}" destId="{F389F534-291C-46B8-9ACF-0FBEC3C032D2}" srcOrd="6" destOrd="0" presId="urn:microsoft.com/office/officeart/2005/8/layout/hierarchy3"/>
    <dgm:cxn modelId="{73F347A6-77B3-40B1-9F17-33825DB45FA2}" type="presParOf" srcId="{05FC3B3E-D0FB-46BC-B0CB-91E711D3E371}" destId="{06C91268-3B73-4987-84E1-657CB9855A1B}" srcOrd="7" destOrd="0" presId="urn:microsoft.com/office/officeart/2005/8/layout/hierarchy3"/>
    <dgm:cxn modelId="{FB26CBE7-F53B-4A0C-A05C-001EAB570416}" type="presParOf" srcId="{05FC3B3E-D0FB-46BC-B0CB-91E711D3E371}" destId="{B67A04C3-895F-42D9-9C07-2693D48BC9E5}" srcOrd="8" destOrd="0" presId="urn:microsoft.com/office/officeart/2005/8/layout/hierarchy3"/>
    <dgm:cxn modelId="{25F98F7A-5EB3-4361-AD0F-193C8454DF34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22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>
        <dgm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dgm:style>
      </dgm:prSet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/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70A356CA-BA7D-4FB4-91FF-8E83E8769742}" type="presOf" srcId="{0CED8DBB-0A74-41FF-BCE6-5CE9B28322B5}" destId="{F407E03C-6DCF-42E4-9808-839A0A26059D}" srcOrd="0" destOrd="0" presId="urn:microsoft.com/office/officeart/2005/8/layout/hierarchy3"/>
    <dgm:cxn modelId="{F8C4E9CF-F32C-476B-AF05-7D75D307F63E}" type="presOf" srcId="{A41FCAC9-CBCF-4C33-9CF9-FEA3EF1C7968}" destId="{A6AEFD6F-6390-4EAE-8660-3D446F0C3FBD}" srcOrd="0" destOrd="0" presId="urn:microsoft.com/office/officeart/2005/8/layout/hierarchy3"/>
    <dgm:cxn modelId="{78634008-59AB-4CE4-BDFF-4903A621DC25}" type="presOf" srcId="{83442157-3412-4349-AF11-66F66DBAB8EA}" destId="{5EB2497E-72BE-456A-9E88-058B7849AE2E}" srcOrd="0" destOrd="0" presId="urn:microsoft.com/office/officeart/2005/8/layout/hierarchy3"/>
    <dgm:cxn modelId="{EEFE6CCD-EFC2-466B-9945-CE3FF81AD408}" type="presOf" srcId="{964D2983-2DC2-4B6B-B956-D0BF48F73B0D}" destId="{3B78FD85-1884-4977-B82B-212F2C889A93}" srcOrd="0" destOrd="0" presId="urn:microsoft.com/office/officeart/2005/8/layout/hierarchy3"/>
    <dgm:cxn modelId="{3B1ABA3C-7807-4F5B-8B5E-7B8CA00038C9}" type="presOf" srcId="{8A9B2412-20BB-4E1A-8A48-49D028FB4C97}" destId="{2E10C043-1B82-46F9-A1ED-FA1F4BA425A8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166F46B9-5140-44FF-AF18-DCEA0494B36E}" type="presOf" srcId="{C2A2D4DB-041C-4586-8D99-A781D34D8ABE}" destId="{2F1C5A4B-C69B-4CF7-9A95-E1CFA59838AD}" srcOrd="0" destOrd="0" presId="urn:microsoft.com/office/officeart/2005/8/layout/hierarchy3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01A80F4A-1CED-4221-BE62-7C4F089E5192}" type="presOf" srcId="{0CED8DBB-0A74-41FF-BCE6-5CE9B28322B5}" destId="{7E25057C-D620-4232-9AD6-8515AFD8E36F}" srcOrd="1" destOrd="0" presId="urn:microsoft.com/office/officeart/2005/8/layout/hierarchy3"/>
    <dgm:cxn modelId="{F094F0C3-24FD-4BC2-885F-C82797AB65D2}" type="presOf" srcId="{303851D5-BA50-4917-93B9-07C85E7DAB89}" destId="{E1E37841-CE40-43FD-AAC6-8B8BFE9A6A80}" srcOrd="0" destOrd="0" presId="urn:microsoft.com/office/officeart/2005/8/layout/hierarchy3"/>
    <dgm:cxn modelId="{EB98E4F6-3616-4204-ACE6-F06090007EFF}" type="presOf" srcId="{878E4A6B-4657-4A8E-97C2-126180CE075F}" destId="{F389F534-291C-46B8-9ACF-0FBEC3C032D2}" srcOrd="0" destOrd="0" presId="urn:microsoft.com/office/officeart/2005/8/layout/hierarchy3"/>
    <dgm:cxn modelId="{CB143C90-0B4E-4648-B930-68D1AF793266}" type="presOf" srcId="{AF64BBCC-6653-4CDB-8A94-D4E4796B949A}" destId="{B67A04C3-895F-42D9-9C07-2693D48BC9E5}" srcOrd="0" destOrd="0" presId="urn:microsoft.com/office/officeart/2005/8/layout/hierarchy3"/>
    <dgm:cxn modelId="{104D71A7-7F4C-4921-BC51-FCADE7DFA5D4}" type="presOf" srcId="{9B66550C-87E0-4A23-88F6-41294224589C}" destId="{70D41B84-2C14-46EE-872A-DC483715B07C}" srcOrd="0" destOrd="0" presId="urn:microsoft.com/office/officeart/2005/8/layout/hierarchy3"/>
    <dgm:cxn modelId="{DFEB9567-10CC-4C1A-8C42-57F8432BFC95}" type="presOf" srcId="{92DB2428-D193-4200-A91D-8D5295E9C122}" destId="{06C91268-3B73-4987-84E1-657CB9855A1B}" srcOrd="0" destOrd="0" presId="urn:microsoft.com/office/officeart/2005/8/layout/hierarchy3"/>
    <dgm:cxn modelId="{27092A60-B77A-403E-BE5D-0A39F6D4B1DA}" type="presOf" srcId="{A76B8A7E-DACD-4CF2-97BC-E39C68D57B68}" destId="{7439C03E-36D3-4538-A5F9-7CD50889CC74}" srcOrd="0" destOrd="0" presId="urn:microsoft.com/office/officeart/2005/8/layout/hierarchy3"/>
    <dgm:cxn modelId="{E9D33098-8B85-4371-9FED-3674A185F7FE}" type="presParOf" srcId="{2E10C043-1B82-46F9-A1ED-FA1F4BA425A8}" destId="{79C61552-9F94-4871-B816-72C0B39475FE}" srcOrd="0" destOrd="0" presId="urn:microsoft.com/office/officeart/2005/8/layout/hierarchy3"/>
    <dgm:cxn modelId="{D0029581-34F9-47FA-BB1E-1CE0597DF1B3}" type="presParOf" srcId="{79C61552-9F94-4871-B816-72C0B39475FE}" destId="{58674891-814B-4F77-8A5A-597C4E381471}" srcOrd="0" destOrd="0" presId="urn:microsoft.com/office/officeart/2005/8/layout/hierarchy3"/>
    <dgm:cxn modelId="{034BC2D9-3C5F-4DD3-9A2C-5CF87BD6DA91}" type="presParOf" srcId="{58674891-814B-4F77-8A5A-597C4E381471}" destId="{F407E03C-6DCF-42E4-9808-839A0A26059D}" srcOrd="0" destOrd="0" presId="urn:microsoft.com/office/officeart/2005/8/layout/hierarchy3"/>
    <dgm:cxn modelId="{82CE7CCF-CDF0-4888-A056-49312EF5A815}" type="presParOf" srcId="{58674891-814B-4F77-8A5A-597C4E381471}" destId="{7E25057C-D620-4232-9AD6-8515AFD8E36F}" srcOrd="1" destOrd="0" presId="urn:microsoft.com/office/officeart/2005/8/layout/hierarchy3"/>
    <dgm:cxn modelId="{1DDEF5CA-9840-4446-89EE-3ABFC4D001E8}" type="presParOf" srcId="{79C61552-9F94-4871-B816-72C0B39475FE}" destId="{05FC3B3E-D0FB-46BC-B0CB-91E711D3E371}" srcOrd="1" destOrd="0" presId="urn:microsoft.com/office/officeart/2005/8/layout/hierarchy3"/>
    <dgm:cxn modelId="{72C4D0F8-F27C-4425-A473-4F85C1D94793}" type="presParOf" srcId="{05FC3B3E-D0FB-46BC-B0CB-91E711D3E371}" destId="{70D41B84-2C14-46EE-872A-DC483715B07C}" srcOrd="0" destOrd="0" presId="urn:microsoft.com/office/officeart/2005/8/layout/hierarchy3"/>
    <dgm:cxn modelId="{F108111D-FF32-460C-A7F2-C866579B086E}" type="presParOf" srcId="{05FC3B3E-D0FB-46BC-B0CB-91E711D3E371}" destId="{A6AEFD6F-6390-4EAE-8660-3D446F0C3FBD}" srcOrd="1" destOrd="0" presId="urn:microsoft.com/office/officeart/2005/8/layout/hierarchy3"/>
    <dgm:cxn modelId="{7A087797-3CB7-4CC3-9B27-3ABED0424EF5}" type="presParOf" srcId="{05FC3B3E-D0FB-46BC-B0CB-91E711D3E371}" destId="{7439C03E-36D3-4538-A5F9-7CD50889CC74}" srcOrd="2" destOrd="0" presId="urn:microsoft.com/office/officeart/2005/8/layout/hierarchy3"/>
    <dgm:cxn modelId="{4FACE420-6236-4056-B216-3FC5DF233E5A}" type="presParOf" srcId="{05FC3B3E-D0FB-46BC-B0CB-91E711D3E371}" destId="{3B78FD85-1884-4977-B82B-212F2C889A93}" srcOrd="3" destOrd="0" presId="urn:microsoft.com/office/officeart/2005/8/layout/hierarchy3"/>
    <dgm:cxn modelId="{5CE19B37-80F5-4FB6-90D0-D9835ECED83E}" type="presParOf" srcId="{05FC3B3E-D0FB-46BC-B0CB-91E711D3E371}" destId="{E1E37841-CE40-43FD-AAC6-8B8BFE9A6A80}" srcOrd="4" destOrd="0" presId="urn:microsoft.com/office/officeart/2005/8/layout/hierarchy3"/>
    <dgm:cxn modelId="{88E4D8DB-5981-47D9-BD7F-5287EA40407E}" type="presParOf" srcId="{05FC3B3E-D0FB-46BC-B0CB-91E711D3E371}" destId="{5EB2497E-72BE-456A-9E88-058B7849AE2E}" srcOrd="5" destOrd="0" presId="urn:microsoft.com/office/officeart/2005/8/layout/hierarchy3"/>
    <dgm:cxn modelId="{CE6EC421-CECC-4C3F-83AD-0E9784933726}" type="presParOf" srcId="{05FC3B3E-D0FB-46BC-B0CB-91E711D3E371}" destId="{F389F534-291C-46B8-9ACF-0FBEC3C032D2}" srcOrd="6" destOrd="0" presId="urn:microsoft.com/office/officeart/2005/8/layout/hierarchy3"/>
    <dgm:cxn modelId="{DF66DF58-274A-41BA-90FD-91F16B77A264}" type="presParOf" srcId="{05FC3B3E-D0FB-46BC-B0CB-91E711D3E371}" destId="{06C91268-3B73-4987-84E1-657CB9855A1B}" srcOrd="7" destOrd="0" presId="urn:microsoft.com/office/officeart/2005/8/layout/hierarchy3"/>
    <dgm:cxn modelId="{D553A008-5977-47A4-8DD2-E5287E4648C1}" type="presParOf" srcId="{05FC3B3E-D0FB-46BC-B0CB-91E711D3E371}" destId="{B67A04C3-895F-42D9-9C07-2693D48BC9E5}" srcOrd="8" destOrd="0" presId="urn:microsoft.com/office/officeart/2005/8/layout/hierarchy3"/>
    <dgm:cxn modelId="{B2DFBE72-64B8-4F1A-927E-D6F113E51664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2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8A9B2412-20BB-4E1A-8A48-49D028FB4C97}" type="doc">
      <dgm:prSet loTypeId="urn:microsoft.com/office/officeart/2005/8/layout/hierarchy3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CED8DBB-0A74-41FF-BCE6-5CE9B28322B5}">
      <dgm:prSet phldrT="[Text]"/>
      <dgm:spPr/>
      <dgm:t>
        <a:bodyPr/>
        <a:lstStyle/>
        <a:p>
          <a:pPr algn="ctr"/>
          <a:r>
            <a:rPr lang="en-US" dirty="0" smtClean="0"/>
            <a:t>Scope of Business Process</a:t>
          </a:r>
        </a:p>
      </dgm:t>
    </dgm:pt>
    <dgm:pt modelId="{8F962EB8-6CF8-4A82-8148-187302342553}" type="parTrans" cxnId="{FFA30EBB-D469-4261-8522-EF063AB0F3E3}">
      <dgm:prSet/>
      <dgm:spPr/>
      <dgm:t>
        <a:bodyPr/>
        <a:lstStyle/>
        <a:p>
          <a:endParaRPr lang="en-US"/>
        </a:p>
      </dgm:t>
    </dgm:pt>
    <dgm:pt modelId="{21407DC6-39AA-4A9E-B4ED-0557CF42C76A}" type="sibTrans" cxnId="{FFA30EBB-D469-4261-8522-EF063AB0F3E3}">
      <dgm:prSet/>
      <dgm:spPr/>
      <dgm:t>
        <a:bodyPr/>
        <a:lstStyle/>
        <a:p>
          <a:endParaRPr lang="en-US"/>
        </a:p>
      </dgm:t>
    </dgm:pt>
    <dgm:pt modelId="{A41FCAC9-CBCF-4C33-9CF9-FEA3EF1C7968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Customer Service</a:t>
          </a:r>
          <a:endParaRPr lang="en-US" dirty="0"/>
        </a:p>
      </dgm:t>
    </dgm:pt>
    <dgm:pt modelId="{9B66550C-87E0-4A23-88F6-41294224589C}" type="parTrans" cxnId="{99ED94E4-2B97-4EDF-BDEC-1306CF2F0326}">
      <dgm:prSet/>
      <dgm:spPr/>
      <dgm:t>
        <a:bodyPr/>
        <a:lstStyle/>
        <a:p>
          <a:endParaRPr lang="en-US"/>
        </a:p>
      </dgm:t>
    </dgm:pt>
    <dgm:pt modelId="{DA083452-833F-4B1F-931C-72294D9025BC}" type="sibTrans" cxnId="{99ED94E4-2B97-4EDF-BDEC-1306CF2F0326}">
      <dgm:prSet/>
      <dgm:spPr/>
      <dgm:t>
        <a:bodyPr/>
        <a:lstStyle/>
        <a:p>
          <a:endParaRPr lang="en-US"/>
        </a:p>
      </dgm:t>
    </dgm:pt>
    <dgm:pt modelId="{964D2983-2DC2-4B6B-B956-D0BF48F73B0D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Warehouse Management</a:t>
          </a:r>
          <a:endParaRPr lang="en-US" dirty="0"/>
        </a:p>
      </dgm:t>
    </dgm:pt>
    <dgm:pt modelId="{A76B8A7E-DACD-4CF2-97BC-E39C68D57B68}" type="parTrans" cxnId="{3435ECB0-EF33-4EA9-9C87-2E35C2555791}">
      <dgm:prSet/>
      <dgm:spPr/>
      <dgm:t>
        <a:bodyPr/>
        <a:lstStyle/>
        <a:p>
          <a:endParaRPr lang="en-US"/>
        </a:p>
      </dgm:t>
    </dgm:pt>
    <dgm:pt modelId="{A1E7EA27-9E22-49E5-9B6A-21231317A817}" type="sibTrans" cxnId="{3435ECB0-EF33-4EA9-9C87-2E35C2555791}">
      <dgm:prSet/>
      <dgm:spPr/>
      <dgm:t>
        <a:bodyPr/>
        <a:lstStyle/>
        <a:p>
          <a:endParaRPr lang="en-US"/>
        </a:p>
      </dgm:t>
    </dgm:pt>
    <dgm:pt modelId="{92DB2428-D193-4200-A91D-8D5295E9C122}">
      <dgm:prSet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nventory Control</a:t>
          </a:r>
          <a:endParaRPr lang="en-US" dirty="0"/>
        </a:p>
      </dgm:t>
    </dgm:pt>
    <dgm:pt modelId="{878E4A6B-4657-4A8E-97C2-126180CE075F}" type="parTrans" cxnId="{A9D2A658-2D30-44B8-847B-44D6182A8D3C}">
      <dgm:prSet/>
      <dgm:spPr/>
      <dgm:t>
        <a:bodyPr/>
        <a:lstStyle/>
        <a:p>
          <a:endParaRPr lang="en-US"/>
        </a:p>
      </dgm:t>
    </dgm:pt>
    <dgm:pt modelId="{F50A42DA-64AC-433A-A9DD-AB38779C60B8}" type="sibTrans" cxnId="{A9D2A658-2D30-44B8-847B-44D6182A8D3C}">
      <dgm:prSet/>
      <dgm:spPr/>
      <dgm:t>
        <a:bodyPr/>
        <a:lstStyle/>
        <a:p>
          <a:endParaRPr lang="en-US"/>
        </a:p>
      </dgm:t>
    </dgm:pt>
    <dgm:pt modelId="{83442157-3412-4349-AF11-66F66DBAB8EA}">
      <dgm:prSet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Logistics</a:t>
          </a:r>
          <a:endParaRPr lang="en-US" dirty="0"/>
        </a:p>
      </dgm:t>
    </dgm:pt>
    <dgm:pt modelId="{303851D5-BA50-4917-93B9-07C85E7DAB89}" type="parTrans" cxnId="{5943CF89-99BE-45FF-9A6A-3EBC4AA5E961}">
      <dgm:prSet/>
      <dgm:spPr/>
      <dgm:t>
        <a:bodyPr/>
        <a:lstStyle/>
        <a:p>
          <a:endParaRPr lang="en-US"/>
        </a:p>
      </dgm:t>
    </dgm:pt>
    <dgm:pt modelId="{B9957D51-2E61-4CBA-811D-EDCB1E4F1BDD}" type="sibTrans" cxnId="{5943CF89-99BE-45FF-9A6A-3EBC4AA5E961}">
      <dgm:prSet/>
      <dgm:spPr/>
      <dgm:t>
        <a:bodyPr/>
        <a:lstStyle/>
        <a:p>
          <a:endParaRPr lang="en-US"/>
        </a:p>
      </dgm:t>
    </dgm:pt>
    <dgm:pt modelId="{C2A2D4DB-041C-4586-8D99-A781D34D8ABE}">
      <dgm:prSet>
        <dgm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dgm:style>
      </dgm:prSet>
      <dgm:spPr/>
      <dgm:t>
        <a:bodyPr/>
        <a:lstStyle/>
        <a:p>
          <a:r>
            <a:rPr lang="en-US" dirty="0" smtClean="0"/>
            <a:t>Procurement of business enabling resources</a:t>
          </a:r>
          <a:endParaRPr lang="en-US" dirty="0"/>
        </a:p>
      </dgm:t>
    </dgm:pt>
    <dgm:pt modelId="{AF64BBCC-6653-4CDB-8A94-D4E4796B949A}" type="parTrans" cxnId="{CE0D7018-A1F9-435B-9BC8-7251E6E69AAE}">
      <dgm:prSet/>
      <dgm:spPr/>
      <dgm:t>
        <a:bodyPr/>
        <a:lstStyle/>
        <a:p>
          <a:endParaRPr lang="en-US"/>
        </a:p>
      </dgm:t>
    </dgm:pt>
    <dgm:pt modelId="{B29B4C48-8CDA-41C6-A698-1FA418A2FA89}" type="sibTrans" cxnId="{CE0D7018-A1F9-435B-9BC8-7251E6E69AAE}">
      <dgm:prSet/>
      <dgm:spPr/>
      <dgm:t>
        <a:bodyPr/>
        <a:lstStyle/>
        <a:p>
          <a:endParaRPr lang="en-US"/>
        </a:p>
      </dgm:t>
    </dgm:pt>
    <dgm:pt modelId="{2E10C043-1B82-46F9-A1ED-FA1F4BA425A8}" type="pres">
      <dgm:prSet presAssocID="{8A9B2412-20BB-4E1A-8A48-49D028FB4C97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79C61552-9F94-4871-B816-72C0B39475FE}" type="pres">
      <dgm:prSet presAssocID="{0CED8DBB-0A74-41FF-BCE6-5CE9B28322B5}" presName="root" presStyleCnt="0"/>
      <dgm:spPr/>
    </dgm:pt>
    <dgm:pt modelId="{58674891-814B-4F77-8A5A-597C4E381471}" type="pres">
      <dgm:prSet presAssocID="{0CED8DBB-0A74-41FF-BCE6-5CE9B28322B5}" presName="rootComposite" presStyleCnt="0"/>
      <dgm:spPr/>
    </dgm:pt>
    <dgm:pt modelId="{F407E03C-6DCF-42E4-9808-839A0A26059D}" type="pres">
      <dgm:prSet presAssocID="{0CED8DBB-0A74-41FF-BCE6-5CE9B28322B5}" presName="rootText" presStyleLbl="node1" presStyleIdx="0" presStyleCnt="1" custLinFactNeighborX="-5269" custLinFactNeighborY="2303"/>
      <dgm:spPr/>
      <dgm:t>
        <a:bodyPr/>
        <a:lstStyle/>
        <a:p>
          <a:endParaRPr lang="en-US"/>
        </a:p>
      </dgm:t>
    </dgm:pt>
    <dgm:pt modelId="{7E25057C-D620-4232-9AD6-8515AFD8E36F}" type="pres">
      <dgm:prSet presAssocID="{0CED8DBB-0A74-41FF-BCE6-5CE9B28322B5}" presName="rootConnector" presStyleLbl="node1" presStyleIdx="0" presStyleCnt="1"/>
      <dgm:spPr/>
      <dgm:t>
        <a:bodyPr/>
        <a:lstStyle/>
        <a:p>
          <a:endParaRPr lang="en-US"/>
        </a:p>
      </dgm:t>
    </dgm:pt>
    <dgm:pt modelId="{05FC3B3E-D0FB-46BC-B0CB-91E711D3E371}" type="pres">
      <dgm:prSet presAssocID="{0CED8DBB-0A74-41FF-BCE6-5CE9B28322B5}" presName="childShape" presStyleCnt="0"/>
      <dgm:spPr/>
    </dgm:pt>
    <dgm:pt modelId="{70D41B84-2C14-46EE-872A-DC483715B07C}" type="pres">
      <dgm:prSet presAssocID="{9B66550C-87E0-4A23-88F6-41294224589C}" presName="Name13" presStyleLbl="parChTrans1D2" presStyleIdx="0" presStyleCnt="5"/>
      <dgm:spPr/>
      <dgm:t>
        <a:bodyPr/>
        <a:lstStyle/>
        <a:p>
          <a:endParaRPr lang="en-US"/>
        </a:p>
      </dgm:t>
    </dgm:pt>
    <dgm:pt modelId="{A6AEFD6F-6390-4EAE-8660-3D446F0C3FBD}" type="pres">
      <dgm:prSet presAssocID="{A41FCAC9-CBCF-4C33-9CF9-FEA3EF1C7968}" presName="childText" presStyleLbl="bgAcc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439C03E-36D3-4538-A5F9-7CD50889CC74}" type="pres">
      <dgm:prSet presAssocID="{A76B8A7E-DACD-4CF2-97BC-E39C68D57B68}" presName="Name13" presStyleLbl="parChTrans1D2" presStyleIdx="1" presStyleCnt="5"/>
      <dgm:spPr/>
      <dgm:t>
        <a:bodyPr/>
        <a:lstStyle/>
        <a:p>
          <a:endParaRPr lang="en-US"/>
        </a:p>
      </dgm:t>
    </dgm:pt>
    <dgm:pt modelId="{3B78FD85-1884-4977-B82B-212F2C889A93}" type="pres">
      <dgm:prSet presAssocID="{964D2983-2DC2-4B6B-B956-D0BF48F73B0D}" presName="childText" presStyleLbl="bgAcc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E37841-CE40-43FD-AAC6-8B8BFE9A6A80}" type="pres">
      <dgm:prSet presAssocID="{303851D5-BA50-4917-93B9-07C85E7DAB89}" presName="Name13" presStyleLbl="parChTrans1D2" presStyleIdx="2" presStyleCnt="5"/>
      <dgm:spPr/>
      <dgm:t>
        <a:bodyPr/>
        <a:lstStyle/>
        <a:p>
          <a:endParaRPr lang="en-US"/>
        </a:p>
      </dgm:t>
    </dgm:pt>
    <dgm:pt modelId="{5EB2497E-72BE-456A-9E88-058B7849AE2E}" type="pres">
      <dgm:prSet presAssocID="{83442157-3412-4349-AF11-66F66DBAB8EA}" presName="childText" presStyleLbl="bgAcc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89F534-291C-46B8-9ACF-0FBEC3C032D2}" type="pres">
      <dgm:prSet presAssocID="{878E4A6B-4657-4A8E-97C2-126180CE075F}" presName="Name13" presStyleLbl="parChTrans1D2" presStyleIdx="3" presStyleCnt="5"/>
      <dgm:spPr/>
      <dgm:t>
        <a:bodyPr/>
        <a:lstStyle/>
        <a:p>
          <a:endParaRPr lang="en-US"/>
        </a:p>
      </dgm:t>
    </dgm:pt>
    <dgm:pt modelId="{06C91268-3B73-4987-84E1-657CB9855A1B}" type="pres">
      <dgm:prSet presAssocID="{92DB2428-D193-4200-A91D-8D5295E9C122}" presName="childText" presStyleLbl="bgAcc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67A04C3-895F-42D9-9C07-2693D48BC9E5}" type="pres">
      <dgm:prSet presAssocID="{AF64BBCC-6653-4CDB-8A94-D4E4796B949A}" presName="Name13" presStyleLbl="parChTrans1D2" presStyleIdx="4" presStyleCnt="5"/>
      <dgm:spPr/>
      <dgm:t>
        <a:bodyPr/>
        <a:lstStyle/>
        <a:p>
          <a:endParaRPr lang="en-US"/>
        </a:p>
      </dgm:t>
    </dgm:pt>
    <dgm:pt modelId="{2F1C5A4B-C69B-4CF7-9A95-E1CFA59838AD}" type="pres">
      <dgm:prSet presAssocID="{C2A2D4DB-041C-4586-8D99-A781D34D8ABE}" presName="childText" presStyleLbl="b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9ED94E4-2B97-4EDF-BDEC-1306CF2F0326}" srcId="{0CED8DBB-0A74-41FF-BCE6-5CE9B28322B5}" destId="{A41FCAC9-CBCF-4C33-9CF9-FEA3EF1C7968}" srcOrd="0" destOrd="0" parTransId="{9B66550C-87E0-4A23-88F6-41294224589C}" sibTransId="{DA083452-833F-4B1F-931C-72294D9025BC}"/>
    <dgm:cxn modelId="{798867C8-E5D9-4CCC-BAA5-913CD5170F0B}" type="presOf" srcId="{AF64BBCC-6653-4CDB-8A94-D4E4796B949A}" destId="{B67A04C3-895F-42D9-9C07-2693D48BC9E5}" srcOrd="0" destOrd="0" presId="urn:microsoft.com/office/officeart/2005/8/layout/hierarchy3"/>
    <dgm:cxn modelId="{F8F85963-53E7-4E3F-B150-D95FE920B605}" type="presOf" srcId="{83442157-3412-4349-AF11-66F66DBAB8EA}" destId="{5EB2497E-72BE-456A-9E88-058B7849AE2E}" srcOrd="0" destOrd="0" presId="urn:microsoft.com/office/officeart/2005/8/layout/hierarchy3"/>
    <dgm:cxn modelId="{2E4A2395-135E-412A-B6CC-E68DDC82D77B}" type="presOf" srcId="{9B66550C-87E0-4A23-88F6-41294224589C}" destId="{70D41B84-2C14-46EE-872A-DC483715B07C}" srcOrd="0" destOrd="0" presId="urn:microsoft.com/office/officeart/2005/8/layout/hierarchy3"/>
    <dgm:cxn modelId="{5943CF89-99BE-45FF-9A6A-3EBC4AA5E961}" srcId="{0CED8DBB-0A74-41FF-BCE6-5CE9B28322B5}" destId="{83442157-3412-4349-AF11-66F66DBAB8EA}" srcOrd="2" destOrd="0" parTransId="{303851D5-BA50-4917-93B9-07C85E7DAB89}" sibTransId="{B9957D51-2E61-4CBA-811D-EDCB1E4F1BDD}"/>
    <dgm:cxn modelId="{CE0D7018-A1F9-435B-9BC8-7251E6E69AAE}" srcId="{0CED8DBB-0A74-41FF-BCE6-5CE9B28322B5}" destId="{C2A2D4DB-041C-4586-8D99-A781D34D8ABE}" srcOrd="4" destOrd="0" parTransId="{AF64BBCC-6653-4CDB-8A94-D4E4796B949A}" sibTransId="{B29B4C48-8CDA-41C6-A698-1FA418A2FA89}"/>
    <dgm:cxn modelId="{FE1397A3-BB3F-412C-B0D3-205976D933F8}" type="presOf" srcId="{303851D5-BA50-4917-93B9-07C85E7DAB89}" destId="{E1E37841-CE40-43FD-AAC6-8B8BFE9A6A80}" srcOrd="0" destOrd="0" presId="urn:microsoft.com/office/officeart/2005/8/layout/hierarchy3"/>
    <dgm:cxn modelId="{52708590-8135-43BD-B291-170871BCD74B}" type="presOf" srcId="{92DB2428-D193-4200-A91D-8D5295E9C122}" destId="{06C91268-3B73-4987-84E1-657CB9855A1B}" srcOrd="0" destOrd="0" presId="urn:microsoft.com/office/officeart/2005/8/layout/hierarchy3"/>
    <dgm:cxn modelId="{3435ECB0-EF33-4EA9-9C87-2E35C2555791}" srcId="{0CED8DBB-0A74-41FF-BCE6-5CE9B28322B5}" destId="{964D2983-2DC2-4B6B-B956-D0BF48F73B0D}" srcOrd="1" destOrd="0" parTransId="{A76B8A7E-DACD-4CF2-97BC-E39C68D57B68}" sibTransId="{A1E7EA27-9E22-49E5-9B6A-21231317A817}"/>
    <dgm:cxn modelId="{21BEC7B1-103F-4DC4-8697-7CF63DDD2DD3}" type="presOf" srcId="{878E4A6B-4657-4A8E-97C2-126180CE075F}" destId="{F389F534-291C-46B8-9ACF-0FBEC3C032D2}" srcOrd="0" destOrd="0" presId="urn:microsoft.com/office/officeart/2005/8/layout/hierarchy3"/>
    <dgm:cxn modelId="{A9D2A658-2D30-44B8-847B-44D6182A8D3C}" srcId="{0CED8DBB-0A74-41FF-BCE6-5CE9B28322B5}" destId="{92DB2428-D193-4200-A91D-8D5295E9C122}" srcOrd="3" destOrd="0" parTransId="{878E4A6B-4657-4A8E-97C2-126180CE075F}" sibTransId="{F50A42DA-64AC-433A-A9DD-AB38779C60B8}"/>
    <dgm:cxn modelId="{FFA30EBB-D469-4261-8522-EF063AB0F3E3}" srcId="{8A9B2412-20BB-4E1A-8A48-49D028FB4C97}" destId="{0CED8DBB-0A74-41FF-BCE6-5CE9B28322B5}" srcOrd="0" destOrd="0" parTransId="{8F962EB8-6CF8-4A82-8148-187302342553}" sibTransId="{21407DC6-39AA-4A9E-B4ED-0557CF42C76A}"/>
    <dgm:cxn modelId="{4210E904-D3CE-439D-8C4D-BAA8B3EB0E98}" type="presOf" srcId="{0CED8DBB-0A74-41FF-BCE6-5CE9B28322B5}" destId="{7E25057C-D620-4232-9AD6-8515AFD8E36F}" srcOrd="1" destOrd="0" presId="urn:microsoft.com/office/officeart/2005/8/layout/hierarchy3"/>
    <dgm:cxn modelId="{C3E369F2-42DC-45E9-B979-E6025C2E44B2}" type="presOf" srcId="{0CED8DBB-0A74-41FF-BCE6-5CE9B28322B5}" destId="{F407E03C-6DCF-42E4-9808-839A0A26059D}" srcOrd="0" destOrd="0" presId="urn:microsoft.com/office/officeart/2005/8/layout/hierarchy3"/>
    <dgm:cxn modelId="{077E9A64-2A14-421E-950C-6A9EFA141E60}" type="presOf" srcId="{C2A2D4DB-041C-4586-8D99-A781D34D8ABE}" destId="{2F1C5A4B-C69B-4CF7-9A95-E1CFA59838AD}" srcOrd="0" destOrd="0" presId="urn:microsoft.com/office/officeart/2005/8/layout/hierarchy3"/>
    <dgm:cxn modelId="{EF416D8C-C929-4279-BE90-F6163AA06FC0}" type="presOf" srcId="{A41FCAC9-CBCF-4C33-9CF9-FEA3EF1C7968}" destId="{A6AEFD6F-6390-4EAE-8660-3D446F0C3FBD}" srcOrd="0" destOrd="0" presId="urn:microsoft.com/office/officeart/2005/8/layout/hierarchy3"/>
    <dgm:cxn modelId="{50824DB5-FDBF-4F08-A3BB-B90997B15F28}" type="presOf" srcId="{964D2983-2DC2-4B6B-B956-D0BF48F73B0D}" destId="{3B78FD85-1884-4977-B82B-212F2C889A93}" srcOrd="0" destOrd="0" presId="urn:microsoft.com/office/officeart/2005/8/layout/hierarchy3"/>
    <dgm:cxn modelId="{E727F4C3-8A69-42CC-BF58-13A9203D2BD4}" type="presOf" srcId="{8A9B2412-20BB-4E1A-8A48-49D028FB4C97}" destId="{2E10C043-1B82-46F9-A1ED-FA1F4BA425A8}" srcOrd="0" destOrd="0" presId="urn:microsoft.com/office/officeart/2005/8/layout/hierarchy3"/>
    <dgm:cxn modelId="{B0A0AA1F-016B-4A3E-AECA-9F3FE0B6E829}" type="presOf" srcId="{A76B8A7E-DACD-4CF2-97BC-E39C68D57B68}" destId="{7439C03E-36D3-4538-A5F9-7CD50889CC74}" srcOrd="0" destOrd="0" presId="urn:microsoft.com/office/officeart/2005/8/layout/hierarchy3"/>
    <dgm:cxn modelId="{BCA78463-301C-4AD7-9302-C68FF32EAA4E}" type="presParOf" srcId="{2E10C043-1B82-46F9-A1ED-FA1F4BA425A8}" destId="{79C61552-9F94-4871-B816-72C0B39475FE}" srcOrd="0" destOrd="0" presId="urn:microsoft.com/office/officeart/2005/8/layout/hierarchy3"/>
    <dgm:cxn modelId="{D9D3E07D-1E1C-4306-871A-B4A476F080E8}" type="presParOf" srcId="{79C61552-9F94-4871-B816-72C0B39475FE}" destId="{58674891-814B-4F77-8A5A-597C4E381471}" srcOrd="0" destOrd="0" presId="urn:microsoft.com/office/officeart/2005/8/layout/hierarchy3"/>
    <dgm:cxn modelId="{FA295D5A-2C36-4193-978D-89D3FA240D22}" type="presParOf" srcId="{58674891-814B-4F77-8A5A-597C4E381471}" destId="{F407E03C-6DCF-42E4-9808-839A0A26059D}" srcOrd="0" destOrd="0" presId="urn:microsoft.com/office/officeart/2005/8/layout/hierarchy3"/>
    <dgm:cxn modelId="{A919ADCF-E319-44B6-83A2-E728985BFC17}" type="presParOf" srcId="{58674891-814B-4F77-8A5A-597C4E381471}" destId="{7E25057C-D620-4232-9AD6-8515AFD8E36F}" srcOrd="1" destOrd="0" presId="urn:microsoft.com/office/officeart/2005/8/layout/hierarchy3"/>
    <dgm:cxn modelId="{B2B2C37B-6181-4145-83FF-DF8A4D3A90DC}" type="presParOf" srcId="{79C61552-9F94-4871-B816-72C0B39475FE}" destId="{05FC3B3E-D0FB-46BC-B0CB-91E711D3E371}" srcOrd="1" destOrd="0" presId="urn:microsoft.com/office/officeart/2005/8/layout/hierarchy3"/>
    <dgm:cxn modelId="{F944202E-CF40-4931-B1BD-1B2F19A130AF}" type="presParOf" srcId="{05FC3B3E-D0FB-46BC-B0CB-91E711D3E371}" destId="{70D41B84-2C14-46EE-872A-DC483715B07C}" srcOrd="0" destOrd="0" presId="urn:microsoft.com/office/officeart/2005/8/layout/hierarchy3"/>
    <dgm:cxn modelId="{37D8BDAB-B689-4671-B020-F909866AB893}" type="presParOf" srcId="{05FC3B3E-D0FB-46BC-B0CB-91E711D3E371}" destId="{A6AEFD6F-6390-4EAE-8660-3D446F0C3FBD}" srcOrd="1" destOrd="0" presId="urn:microsoft.com/office/officeart/2005/8/layout/hierarchy3"/>
    <dgm:cxn modelId="{E9B9B9D6-E1A0-4AE6-AFD6-2C38AD42DF16}" type="presParOf" srcId="{05FC3B3E-D0FB-46BC-B0CB-91E711D3E371}" destId="{7439C03E-36D3-4538-A5F9-7CD50889CC74}" srcOrd="2" destOrd="0" presId="urn:microsoft.com/office/officeart/2005/8/layout/hierarchy3"/>
    <dgm:cxn modelId="{BEF4276C-5E2B-4B73-AC2C-2726AB47CC42}" type="presParOf" srcId="{05FC3B3E-D0FB-46BC-B0CB-91E711D3E371}" destId="{3B78FD85-1884-4977-B82B-212F2C889A93}" srcOrd="3" destOrd="0" presId="urn:microsoft.com/office/officeart/2005/8/layout/hierarchy3"/>
    <dgm:cxn modelId="{D37DEDD2-D1AD-4CEB-A7F3-751B2A72708C}" type="presParOf" srcId="{05FC3B3E-D0FB-46BC-B0CB-91E711D3E371}" destId="{E1E37841-CE40-43FD-AAC6-8B8BFE9A6A80}" srcOrd="4" destOrd="0" presId="urn:microsoft.com/office/officeart/2005/8/layout/hierarchy3"/>
    <dgm:cxn modelId="{40793DCE-D9F3-4AEC-ABA5-A9143868AA9D}" type="presParOf" srcId="{05FC3B3E-D0FB-46BC-B0CB-91E711D3E371}" destId="{5EB2497E-72BE-456A-9E88-058B7849AE2E}" srcOrd="5" destOrd="0" presId="urn:microsoft.com/office/officeart/2005/8/layout/hierarchy3"/>
    <dgm:cxn modelId="{239B0D2D-8821-4BD2-8B4D-D9C0EBC68F5F}" type="presParOf" srcId="{05FC3B3E-D0FB-46BC-B0CB-91E711D3E371}" destId="{F389F534-291C-46B8-9ACF-0FBEC3C032D2}" srcOrd="6" destOrd="0" presId="urn:microsoft.com/office/officeart/2005/8/layout/hierarchy3"/>
    <dgm:cxn modelId="{932BF68F-C940-496E-B0CF-047C51CF7AB3}" type="presParOf" srcId="{05FC3B3E-D0FB-46BC-B0CB-91E711D3E371}" destId="{06C91268-3B73-4987-84E1-657CB9855A1B}" srcOrd="7" destOrd="0" presId="urn:microsoft.com/office/officeart/2005/8/layout/hierarchy3"/>
    <dgm:cxn modelId="{8DA14F5A-B3D6-4660-8548-4EAB7ECC3A06}" type="presParOf" srcId="{05FC3B3E-D0FB-46BC-B0CB-91E711D3E371}" destId="{B67A04C3-895F-42D9-9C07-2693D48BC9E5}" srcOrd="8" destOrd="0" presId="urn:microsoft.com/office/officeart/2005/8/layout/hierarchy3"/>
    <dgm:cxn modelId="{A9DC73D5-2373-4DDD-B55B-D97B23993E8C}" type="presParOf" srcId="{05FC3B3E-D0FB-46BC-B0CB-91E711D3E371}" destId="{2F1C5A4B-C69B-4CF7-9A95-E1CFA59838AD}" srcOrd="9" destOrd="0" presId="urn:microsoft.com/office/officeart/2005/8/layout/hierarchy3"/>
  </dgm:cxnLst>
  <dgm:bg>
    <a:solidFill>
      <a:schemeClr val="bg1"/>
    </a:solidFill>
  </dgm:bg>
  <dgm:whole>
    <a:ln>
      <a:noFill/>
    </a:ln>
  </dgm:whole>
  <dgm:extLst>
    <a:ext uri="http://schemas.microsoft.com/office/drawing/2008/diagram">
      <dsp:dataModelExt xmlns:dsp="http://schemas.microsoft.com/office/drawing/2008/diagram" relId="rId32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12D52A71-F7FA-4F6F-9614-8B1755E3E7F7}" type="doc">
      <dgm:prSet loTypeId="urn:microsoft.com/office/officeart/2005/8/layout/hChevron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IN"/>
        </a:p>
      </dgm:t>
    </dgm:pt>
    <dgm:pt modelId="{1F74ECE3-1633-4D7F-995B-63DE3176FC24}">
      <dgm:prSet phldrT="[Text]"/>
      <dgm:spPr/>
      <dgm:t>
        <a:bodyPr/>
        <a:lstStyle/>
        <a:p>
          <a:r>
            <a:rPr lang="en-IN" dirty="0" smtClean="0"/>
            <a:t>Understanding Existing Business Process</a:t>
          </a:r>
          <a:endParaRPr lang="en-IN" dirty="0"/>
        </a:p>
      </dgm:t>
    </dgm:pt>
    <dgm:pt modelId="{FB6F8BB0-2CEF-4D5F-8053-AC1C74A2D470}" type="parTrans" cxnId="{ABB3EEAC-9EA0-42E5-BAFC-BD3E74183AE9}">
      <dgm:prSet/>
      <dgm:spPr/>
      <dgm:t>
        <a:bodyPr/>
        <a:lstStyle/>
        <a:p>
          <a:endParaRPr lang="en-IN"/>
        </a:p>
      </dgm:t>
    </dgm:pt>
    <dgm:pt modelId="{F0B864D2-8332-407B-A823-836701785FA2}" type="sibTrans" cxnId="{ABB3EEAC-9EA0-42E5-BAFC-BD3E74183AE9}">
      <dgm:prSet/>
      <dgm:spPr/>
      <dgm:t>
        <a:bodyPr/>
        <a:lstStyle/>
        <a:p>
          <a:endParaRPr lang="en-IN"/>
        </a:p>
      </dgm:t>
    </dgm:pt>
    <dgm:pt modelId="{54711685-638D-4170-8383-AAB32BCD8660}">
      <dgm:prSet phldrT="[Text]"/>
      <dgm:spPr/>
      <dgm:t>
        <a:bodyPr/>
        <a:lstStyle/>
        <a:p>
          <a:r>
            <a:rPr lang="en-IN" dirty="0" smtClean="0"/>
            <a:t>Creating Vision for BPR</a:t>
          </a:r>
          <a:endParaRPr lang="en-IN" dirty="0"/>
        </a:p>
      </dgm:t>
    </dgm:pt>
    <dgm:pt modelId="{E13F0B36-CECA-435B-AC5B-EA90C57A0A2F}" type="parTrans" cxnId="{314C546A-A123-4FA1-BC48-24288B44F89B}">
      <dgm:prSet/>
      <dgm:spPr/>
      <dgm:t>
        <a:bodyPr/>
        <a:lstStyle/>
        <a:p>
          <a:endParaRPr lang="en-IN"/>
        </a:p>
      </dgm:t>
    </dgm:pt>
    <dgm:pt modelId="{E9AD2FAD-7388-4F21-B9B8-F89708C3971B}" type="sibTrans" cxnId="{314C546A-A123-4FA1-BC48-24288B44F89B}">
      <dgm:prSet/>
      <dgm:spPr/>
      <dgm:t>
        <a:bodyPr/>
        <a:lstStyle/>
        <a:p>
          <a:endParaRPr lang="en-IN"/>
        </a:p>
      </dgm:t>
    </dgm:pt>
    <dgm:pt modelId="{C7D0562D-8CD2-4F55-B99B-F76B2800579B}">
      <dgm:prSet phldrT="[Text]"/>
      <dgm:spPr/>
      <dgm:t>
        <a:bodyPr/>
        <a:lstStyle/>
        <a:p>
          <a:r>
            <a:rPr lang="en-IN" dirty="0" smtClean="0"/>
            <a:t>Redesign Business Process</a:t>
          </a:r>
          <a:endParaRPr lang="en-IN" dirty="0"/>
        </a:p>
      </dgm:t>
    </dgm:pt>
    <dgm:pt modelId="{B9431C84-FD6F-4756-84B0-65A8C2299A5E}" type="parTrans" cxnId="{CAB11341-C0F8-4C06-951C-A9759460D8E5}">
      <dgm:prSet/>
      <dgm:spPr/>
      <dgm:t>
        <a:bodyPr/>
        <a:lstStyle/>
        <a:p>
          <a:endParaRPr lang="en-IN"/>
        </a:p>
      </dgm:t>
    </dgm:pt>
    <dgm:pt modelId="{1FCA95BF-78BE-4234-87CF-434B6A324DF5}" type="sibTrans" cxnId="{CAB11341-C0F8-4C06-951C-A9759460D8E5}">
      <dgm:prSet/>
      <dgm:spPr/>
      <dgm:t>
        <a:bodyPr/>
        <a:lstStyle/>
        <a:p>
          <a:endParaRPr lang="en-IN"/>
        </a:p>
      </dgm:t>
    </dgm:pt>
    <dgm:pt modelId="{6B1A8DCF-B86E-4C3F-A2FD-30E74A9BCD61}">
      <dgm:prSet phldrT="[Text]"/>
      <dgm:spPr/>
      <dgm:t>
        <a:bodyPr/>
        <a:lstStyle/>
        <a:p>
          <a:r>
            <a:rPr lang="en-IN" dirty="0" smtClean="0"/>
            <a:t>Evaluate &amp; Implement Redesigned Process</a:t>
          </a:r>
          <a:endParaRPr lang="en-IN" dirty="0"/>
        </a:p>
      </dgm:t>
    </dgm:pt>
    <dgm:pt modelId="{2726C6AE-44D6-4835-83D9-B31B704200AA}" type="parTrans" cxnId="{B90FA040-2BA7-4E2A-BE3E-1828C85BBAE8}">
      <dgm:prSet/>
      <dgm:spPr/>
      <dgm:t>
        <a:bodyPr/>
        <a:lstStyle/>
        <a:p>
          <a:endParaRPr lang="en-IN"/>
        </a:p>
      </dgm:t>
    </dgm:pt>
    <dgm:pt modelId="{85B73AF4-5AED-4BC2-90C0-AFAE50F247A1}" type="sibTrans" cxnId="{B90FA040-2BA7-4E2A-BE3E-1828C85BBAE8}">
      <dgm:prSet/>
      <dgm:spPr/>
      <dgm:t>
        <a:bodyPr/>
        <a:lstStyle/>
        <a:p>
          <a:endParaRPr lang="en-IN"/>
        </a:p>
      </dgm:t>
    </dgm:pt>
    <dgm:pt modelId="{4A338344-A017-45EB-9B25-0751B66DCAC2}">
      <dgm:prSet phldrT="[Text]"/>
      <dgm:spPr/>
      <dgm:t>
        <a:bodyPr/>
        <a:lstStyle/>
        <a:p>
          <a:r>
            <a:rPr lang="en-IN" dirty="0" smtClean="0"/>
            <a:t>Evaluating</a:t>
          </a:r>
          <a:r>
            <a:rPr lang="en-IN" baseline="0" dirty="0" smtClean="0"/>
            <a:t> Results and making Improvements</a:t>
          </a:r>
          <a:endParaRPr lang="en-IN" dirty="0"/>
        </a:p>
      </dgm:t>
    </dgm:pt>
    <dgm:pt modelId="{F2AC69C7-E44D-44CB-85C9-E0B8DE5DD427}" type="parTrans" cxnId="{7DDF045F-F5D9-4123-ACBE-27859AABED61}">
      <dgm:prSet/>
      <dgm:spPr/>
      <dgm:t>
        <a:bodyPr/>
        <a:lstStyle/>
        <a:p>
          <a:endParaRPr lang="en-IN"/>
        </a:p>
      </dgm:t>
    </dgm:pt>
    <dgm:pt modelId="{0F4BEA55-3200-4385-8130-BDC58D808248}" type="sibTrans" cxnId="{7DDF045F-F5D9-4123-ACBE-27859AABED61}">
      <dgm:prSet/>
      <dgm:spPr/>
      <dgm:t>
        <a:bodyPr/>
        <a:lstStyle/>
        <a:p>
          <a:endParaRPr lang="en-IN"/>
        </a:p>
      </dgm:t>
    </dgm:pt>
    <dgm:pt modelId="{2630A1B4-800B-468A-86DE-A03E53EC8A33}">
      <dgm:prSet phldrT="[Text]"/>
      <dgm:spPr/>
      <dgm:t>
        <a:bodyPr/>
        <a:lstStyle/>
        <a:p>
          <a:r>
            <a:rPr lang="en-IN" dirty="0" smtClean="0"/>
            <a:t>Implementing Final </a:t>
          </a:r>
          <a:r>
            <a:rPr lang="en-IN" smtClean="0"/>
            <a:t>proposed Solution</a:t>
          </a:r>
          <a:endParaRPr lang="en-IN" dirty="0"/>
        </a:p>
      </dgm:t>
    </dgm:pt>
    <dgm:pt modelId="{D4267605-D564-4D9F-B0D5-230A44C8B082}" type="parTrans" cxnId="{3DA556A5-2C7A-4841-9DA4-A0127AEC181C}">
      <dgm:prSet/>
      <dgm:spPr/>
      <dgm:t>
        <a:bodyPr/>
        <a:lstStyle/>
        <a:p>
          <a:endParaRPr lang="en-IN"/>
        </a:p>
      </dgm:t>
    </dgm:pt>
    <dgm:pt modelId="{6FB84DC3-EB80-4FE1-B6A6-914E652E2BD5}" type="sibTrans" cxnId="{3DA556A5-2C7A-4841-9DA4-A0127AEC181C}">
      <dgm:prSet/>
      <dgm:spPr/>
      <dgm:t>
        <a:bodyPr/>
        <a:lstStyle/>
        <a:p>
          <a:endParaRPr lang="en-IN"/>
        </a:p>
      </dgm:t>
    </dgm:pt>
    <dgm:pt modelId="{C2C16B2F-0D7B-430A-B2C7-29F8572CABE8}" type="pres">
      <dgm:prSet presAssocID="{12D52A71-F7FA-4F6F-9614-8B1755E3E7F7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IN"/>
        </a:p>
      </dgm:t>
    </dgm:pt>
    <dgm:pt modelId="{F1CDC220-EF53-40F5-8308-8CA7CFFFD528}" type="pres">
      <dgm:prSet presAssocID="{1F74ECE3-1633-4D7F-995B-63DE3176FC24}" presName="parTxOnly" presStyleLbl="node1" presStyleIdx="0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2F683D22-EB4A-49A8-AE3E-0CF88A564827}" type="pres">
      <dgm:prSet presAssocID="{F0B864D2-8332-407B-A823-836701785FA2}" presName="parSpace" presStyleCnt="0"/>
      <dgm:spPr/>
    </dgm:pt>
    <dgm:pt modelId="{F29BDAC4-A3DD-4894-AED5-8B41221DDEB5}" type="pres">
      <dgm:prSet presAssocID="{54711685-638D-4170-8383-AAB32BCD8660}" presName="parTxOnly" presStyleLbl="node1" presStyleIdx="1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285C4E96-D6C3-4A88-82E5-BFF1C2F4B759}" type="pres">
      <dgm:prSet presAssocID="{E9AD2FAD-7388-4F21-B9B8-F89708C3971B}" presName="parSpace" presStyleCnt="0"/>
      <dgm:spPr/>
    </dgm:pt>
    <dgm:pt modelId="{DB3D6755-7DA2-44DB-A99E-EBF84798F091}" type="pres">
      <dgm:prSet presAssocID="{C7D0562D-8CD2-4F55-B99B-F76B2800579B}" presName="parTxOnly" presStyleLbl="node1" presStyleIdx="2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C1264D96-7217-4077-B4B1-2F9EBA1A2872}" type="pres">
      <dgm:prSet presAssocID="{1FCA95BF-78BE-4234-87CF-434B6A324DF5}" presName="parSpace" presStyleCnt="0"/>
      <dgm:spPr/>
    </dgm:pt>
    <dgm:pt modelId="{1F012C1B-B4EF-46E2-B1CB-0DEB5FA6F0A0}" type="pres">
      <dgm:prSet presAssocID="{6B1A8DCF-B86E-4C3F-A2FD-30E74A9BCD61}" presName="parTxOnly" presStyleLbl="node1" presStyleIdx="3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26464937-FE0B-4F8F-B21E-74117786B15C}" type="pres">
      <dgm:prSet presAssocID="{85B73AF4-5AED-4BC2-90C0-AFAE50F247A1}" presName="parSpace" presStyleCnt="0"/>
      <dgm:spPr/>
    </dgm:pt>
    <dgm:pt modelId="{9E4730BB-E779-4BB0-9FE2-B778D4476AAA}" type="pres">
      <dgm:prSet presAssocID="{4A338344-A017-45EB-9B25-0751B66DCAC2}" presName="parTxOnly" presStyleLbl="node1" presStyleIdx="4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82403AE8-01DB-4A8D-8FD0-2936F493F7FD}" type="pres">
      <dgm:prSet presAssocID="{0F4BEA55-3200-4385-8130-BDC58D808248}" presName="parSpace" presStyleCnt="0"/>
      <dgm:spPr/>
    </dgm:pt>
    <dgm:pt modelId="{AC450054-1DBE-4711-885C-3DEF67475851}" type="pres">
      <dgm:prSet presAssocID="{2630A1B4-800B-468A-86DE-A03E53EC8A33}" presName="parTxOnly" presStyleLbl="node1" presStyleIdx="5" presStyleCnt="6">
        <dgm:presLayoutVars>
          <dgm:bulletEnabled val="1"/>
        </dgm:presLayoutVars>
      </dgm:prSet>
      <dgm:spPr/>
      <dgm:t>
        <a:bodyPr/>
        <a:lstStyle/>
        <a:p>
          <a:endParaRPr lang="en-IN"/>
        </a:p>
      </dgm:t>
    </dgm:pt>
  </dgm:ptLst>
  <dgm:cxnLst>
    <dgm:cxn modelId="{CAB11341-C0F8-4C06-951C-A9759460D8E5}" srcId="{12D52A71-F7FA-4F6F-9614-8B1755E3E7F7}" destId="{C7D0562D-8CD2-4F55-B99B-F76B2800579B}" srcOrd="2" destOrd="0" parTransId="{B9431C84-FD6F-4756-84B0-65A8C2299A5E}" sibTransId="{1FCA95BF-78BE-4234-87CF-434B6A324DF5}"/>
    <dgm:cxn modelId="{AA5CC262-4156-42F9-91C9-16972AC49012}" type="presOf" srcId="{4A338344-A017-45EB-9B25-0751B66DCAC2}" destId="{9E4730BB-E779-4BB0-9FE2-B778D4476AAA}" srcOrd="0" destOrd="0" presId="urn:microsoft.com/office/officeart/2005/8/layout/hChevron3"/>
    <dgm:cxn modelId="{AFCD78B7-9315-4EAF-9D36-206DB23FD752}" type="presOf" srcId="{2630A1B4-800B-468A-86DE-A03E53EC8A33}" destId="{AC450054-1DBE-4711-885C-3DEF67475851}" srcOrd="0" destOrd="0" presId="urn:microsoft.com/office/officeart/2005/8/layout/hChevron3"/>
    <dgm:cxn modelId="{ABB3EEAC-9EA0-42E5-BAFC-BD3E74183AE9}" srcId="{12D52A71-F7FA-4F6F-9614-8B1755E3E7F7}" destId="{1F74ECE3-1633-4D7F-995B-63DE3176FC24}" srcOrd="0" destOrd="0" parTransId="{FB6F8BB0-2CEF-4D5F-8053-AC1C74A2D470}" sibTransId="{F0B864D2-8332-407B-A823-836701785FA2}"/>
    <dgm:cxn modelId="{B90FA040-2BA7-4E2A-BE3E-1828C85BBAE8}" srcId="{12D52A71-F7FA-4F6F-9614-8B1755E3E7F7}" destId="{6B1A8DCF-B86E-4C3F-A2FD-30E74A9BCD61}" srcOrd="3" destOrd="0" parTransId="{2726C6AE-44D6-4835-83D9-B31B704200AA}" sibTransId="{85B73AF4-5AED-4BC2-90C0-AFAE50F247A1}"/>
    <dgm:cxn modelId="{034B8E3D-037E-4A9B-8DF8-BFA34D707EED}" type="presOf" srcId="{12D52A71-F7FA-4F6F-9614-8B1755E3E7F7}" destId="{C2C16B2F-0D7B-430A-B2C7-29F8572CABE8}" srcOrd="0" destOrd="0" presId="urn:microsoft.com/office/officeart/2005/8/layout/hChevron3"/>
    <dgm:cxn modelId="{CAEDEF12-A390-4F4F-8353-C476F94BD86A}" type="presOf" srcId="{C7D0562D-8CD2-4F55-B99B-F76B2800579B}" destId="{DB3D6755-7DA2-44DB-A99E-EBF84798F091}" srcOrd="0" destOrd="0" presId="urn:microsoft.com/office/officeart/2005/8/layout/hChevron3"/>
    <dgm:cxn modelId="{7DDF045F-F5D9-4123-ACBE-27859AABED61}" srcId="{12D52A71-F7FA-4F6F-9614-8B1755E3E7F7}" destId="{4A338344-A017-45EB-9B25-0751B66DCAC2}" srcOrd="4" destOrd="0" parTransId="{F2AC69C7-E44D-44CB-85C9-E0B8DE5DD427}" sibTransId="{0F4BEA55-3200-4385-8130-BDC58D808248}"/>
    <dgm:cxn modelId="{3DA556A5-2C7A-4841-9DA4-A0127AEC181C}" srcId="{12D52A71-F7FA-4F6F-9614-8B1755E3E7F7}" destId="{2630A1B4-800B-468A-86DE-A03E53EC8A33}" srcOrd="5" destOrd="0" parTransId="{D4267605-D564-4D9F-B0D5-230A44C8B082}" sibTransId="{6FB84DC3-EB80-4FE1-B6A6-914E652E2BD5}"/>
    <dgm:cxn modelId="{8C944320-63A1-4A9D-88E9-5CEE0E9951E4}" type="presOf" srcId="{1F74ECE3-1633-4D7F-995B-63DE3176FC24}" destId="{F1CDC220-EF53-40F5-8308-8CA7CFFFD528}" srcOrd="0" destOrd="0" presId="urn:microsoft.com/office/officeart/2005/8/layout/hChevron3"/>
    <dgm:cxn modelId="{BF1463E1-9F0A-4DA0-BDD5-1DAD09B37CCC}" type="presOf" srcId="{54711685-638D-4170-8383-AAB32BCD8660}" destId="{F29BDAC4-A3DD-4894-AED5-8B41221DDEB5}" srcOrd="0" destOrd="0" presId="urn:microsoft.com/office/officeart/2005/8/layout/hChevron3"/>
    <dgm:cxn modelId="{314C546A-A123-4FA1-BC48-24288B44F89B}" srcId="{12D52A71-F7FA-4F6F-9614-8B1755E3E7F7}" destId="{54711685-638D-4170-8383-AAB32BCD8660}" srcOrd="1" destOrd="0" parTransId="{E13F0B36-CECA-435B-AC5B-EA90C57A0A2F}" sibTransId="{E9AD2FAD-7388-4F21-B9B8-F89708C3971B}"/>
    <dgm:cxn modelId="{533951AA-B034-452E-A769-E8540DEFEF64}" type="presOf" srcId="{6B1A8DCF-B86E-4C3F-A2FD-30E74A9BCD61}" destId="{1F012C1B-B4EF-46E2-B1CB-0DEB5FA6F0A0}" srcOrd="0" destOrd="0" presId="urn:microsoft.com/office/officeart/2005/8/layout/hChevron3"/>
    <dgm:cxn modelId="{9CF1A3C5-98FF-4D54-94C9-48994A959C92}" type="presParOf" srcId="{C2C16B2F-0D7B-430A-B2C7-29F8572CABE8}" destId="{F1CDC220-EF53-40F5-8308-8CA7CFFFD528}" srcOrd="0" destOrd="0" presId="urn:microsoft.com/office/officeart/2005/8/layout/hChevron3"/>
    <dgm:cxn modelId="{25110373-0141-4E2A-BA77-2AFAC0084C54}" type="presParOf" srcId="{C2C16B2F-0D7B-430A-B2C7-29F8572CABE8}" destId="{2F683D22-EB4A-49A8-AE3E-0CF88A564827}" srcOrd="1" destOrd="0" presId="urn:microsoft.com/office/officeart/2005/8/layout/hChevron3"/>
    <dgm:cxn modelId="{E47DFE6E-AFA8-46A1-8EED-410E8CCDB39C}" type="presParOf" srcId="{C2C16B2F-0D7B-430A-B2C7-29F8572CABE8}" destId="{F29BDAC4-A3DD-4894-AED5-8B41221DDEB5}" srcOrd="2" destOrd="0" presId="urn:microsoft.com/office/officeart/2005/8/layout/hChevron3"/>
    <dgm:cxn modelId="{7127DB10-B3A4-4CBB-A3AE-739041DBE534}" type="presParOf" srcId="{C2C16B2F-0D7B-430A-B2C7-29F8572CABE8}" destId="{285C4E96-D6C3-4A88-82E5-BFF1C2F4B759}" srcOrd="3" destOrd="0" presId="urn:microsoft.com/office/officeart/2005/8/layout/hChevron3"/>
    <dgm:cxn modelId="{6F5B42DD-3AA4-45EA-9AC1-1F1D77D30896}" type="presParOf" srcId="{C2C16B2F-0D7B-430A-B2C7-29F8572CABE8}" destId="{DB3D6755-7DA2-44DB-A99E-EBF84798F091}" srcOrd="4" destOrd="0" presId="urn:microsoft.com/office/officeart/2005/8/layout/hChevron3"/>
    <dgm:cxn modelId="{FC3D3C46-4353-445D-B224-8404604D847D}" type="presParOf" srcId="{C2C16B2F-0D7B-430A-B2C7-29F8572CABE8}" destId="{C1264D96-7217-4077-B4B1-2F9EBA1A2872}" srcOrd="5" destOrd="0" presId="urn:microsoft.com/office/officeart/2005/8/layout/hChevron3"/>
    <dgm:cxn modelId="{3E21078E-0551-48D9-9362-A65DD96AA54A}" type="presParOf" srcId="{C2C16B2F-0D7B-430A-B2C7-29F8572CABE8}" destId="{1F012C1B-B4EF-46E2-B1CB-0DEB5FA6F0A0}" srcOrd="6" destOrd="0" presId="urn:microsoft.com/office/officeart/2005/8/layout/hChevron3"/>
    <dgm:cxn modelId="{D2B57FC9-A2DE-4C98-9AC7-49EFACAECA3A}" type="presParOf" srcId="{C2C16B2F-0D7B-430A-B2C7-29F8572CABE8}" destId="{26464937-FE0B-4F8F-B21E-74117786B15C}" srcOrd="7" destOrd="0" presId="urn:microsoft.com/office/officeart/2005/8/layout/hChevron3"/>
    <dgm:cxn modelId="{08C6AF77-632F-4D31-BCBF-39BC90E14812}" type="presParOf" srcId="{C2C16B2F-0D7B-430A-B2C7-29F8572CABE8}" destId="{9E4730BB-E779-4BB0-9FE2-B778D4476AAA}" srcOrd="8" destOrd="0" presId="urn:microsoft.com/office/officeart/2005/8/layout/hChevron3"/>
    <dgm:cxn modelId="{2BF43808-1A7A-4A3D-91CD-1B40A04C4E4C}" type="presParOf" srcId="{C2C16B2F-0D7B-430A-B2C7-29F8572CABE8}" destId="{82403AE8-01DB-4A8D-8FD0-2936F493F7FD}" srcOrd="9" destOrd="0" presId="urn:microsoft.com/office/officeart/2005/8/layout/hChevron3"/>
    <dgm:cxn modelId="{B29F1756-0056-41C1-B926-6B5C3CA8262A}" type="presParOf" srcId="{C2C16B2F-0D7B-430A-B2C7-29F8572CABE8}" destId="{AC450054-1DBE-4711-885C-3DEF67475851}" srcOrd="10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4D96A0-C68F-4983-9C1C-E9230AD0AA25}" type="datetimeFigureOut">
              <a:rPr lang="en-US" smtClean="0"/>
              <a:t>9/9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472A637-8A2D-4FDA-ABEC-CC950C15594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3042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472A637-8A2D-4FDA-ABEC-CC950C155941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78151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2E809CA-77F1-4701-8B7D-D00F8C956888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24789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023748-F46F-4E0E-B589-89D8ED3A04A4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231435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7F5CF6-2F10-4335-8122-08853BD121BF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40442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A24867-11AF-4C32-B160-29EAE3FB8701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261910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ADD6E9-20C4-48C9-A737-EA38CE0B00EA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80697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CBA77-CFCD-4B96-A728-2015FF68713F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99061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E4DE43-814E-47AD-94A7-A77E47500A37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770816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76940E-8BAE-47B0-8B5E-0FC390251468}" type="datetime1">
              <a:rPr lang="en-US" smtClean="0"/>
              <a:t>9/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02087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784B6A-06CE-4574-95BE-F776E5BE3BEF}" type="datetime1">
              <a:rPr lang="en-US" smtClean="0"/>
              <a:t>9/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93864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A62019-C73E-44DD-AE54-BBCEA393265B}" type="datetime1">
              <a:rPr lang="en-US" smtClean="0"/>
              <a:t>9/9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166505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491FBD-9FAC-42A5-A3A3-A0517725CAD4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601274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D85DA6-A63D-4295-9473-EADF454EC91E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7494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ADA1159-D96F-4D40-830A-4AF9F9DC2138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1E6CA23-2D05-4ACD-BB25-AE2590AF53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57704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ransition spd="slow">
    <p:push dir="u"/>
  </p:transition>
  <p:timing>
    <p:tnLst>
      <p:par>
        <p:cTn id="1" dur="indefinite" restart="never" nodeType="tmRoot"/>
      </p:par>
    </p:tnLst>
  </p:timing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13" Type="http://schemas.openxmlformats.org/officeDocument/2006/relationships/diagramLayout" Target="../diagrams/layout3.xml"/><Relationship Id="rId18" Type="http://schemas.openxmlformats.org/officeDocument/2006/relationships/diagramData" Target="../diagrams/data4.xml"/><Relationship Id="rId26" Type="http://schemas.openxmlformats.org/officeDocument/2006/relationships/diagramColors" Target="../diagrams/colors5.xml"/><Relationship Id="rId3" Type="http://schemas.openxmlformats.org/officeDocument/2006/relationships/diagramLayout" Target="../diagrams/layout1.xml"/><Relationship Id="rId21" Type="http://schemas.openxmlformats.org/officeDocument/2006/relationships/diagramColors" Target="../diagrams/colors4.xml"/><Relationship Id="rId7" Type="http://schemas.openxmlformats.org/officeDocument/2006/relationships/diagramData" Target="../diagrams/data2.xml"/><Relationship Id="rId12" Type="http://schemas.openxmlformats.org/officeDocument/2006/relationships/diagramData" Target="../diagrams/data3.xml"/><Relationship Id="rId17" Type="http://schemas.openxmlformats.org/officeDocument/2006/relationships/image" Target="../media/image7.png"/><Relationship Id="rId25" Type="http://schemas.openxmlformats.org/officeDocument/2006/relationships/diagramQuickStyle" Target="../diagrams/quickStyle5.xml"/><Relationship Id="rId2" Type="http://schemas.openxmlformats.org/officeDocument/2006/relationships/diagramData" Target="../diagrams/data1.xml"/><Relationship Id="rId16" Type="http://schemas.microsoft.com/office/2007/relationships/diagramDrawing" Target="../diagrams/drawing3.xml"/><Relationship Id="rId20" Type="http://schemas.openxmlformats.org/officeDocument/2006/relationships/diagramQuickStyle" Target="../diagrams/quickStyle4.xml"/><Relationship Id="rId29" Type="http://schemas.openxmlformats.org/officeDocument/2006/relationships/diagramLayout" Target="../diagrams/layout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24" Type="http://schemas.openxmlformats.org/officeDocument/2006/relationships/diagramLayout" Target="../diagrams/layout5.xml"/><Relationship Id="rId32" Type="http://schemas.microsoft.com/office/2007/relationships/diagramDrawing" Target="../diagrams/drawing6.xml"/><Relationship Id="rId5" Type="http://schemas.openxmlformats.org/officeDocument/2006/relationships/diagramColors" Target="../diagrams/colors1.xml"/><Relationship Id="rId15" Type="http://schemas.openxmlformats.org/officeDocument/2006/relationships/diagramColors" Target="../diagrams/colors3.xml"/><Relationship Id="rId23" Type="http://schemas.openxmlformats.org/officeDocument/2006/relationships/diagramData" Target="../diagrams/data5.xml"/><Relationship Id="rId28" Type="http://schemas.openxmlformats.org/officeDocument/2006/relationships/diagramData" Target="../diagrams/data6.xml"/><Relationship Id="rId10" Type="http://schemas.openxmlformats.org/officeDocument/2006/relationships/diagramColors" Target="../diagrams/colors2.xml"/><Relationship Id="rId19" Type="http://schemas.openxmlformats.org/officeDocument/2006/relationships/diagramLayout" Target="../diagrams/layout4.xml"/><Relationship Id="rId31" Type="http://schemas.openxmlformats.org/officeDocument/2006/relationships/diagramColors" Target="../diagrams/colors6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Relationship Id="rId14" Type="http://schemas.openxmlformats.org/officeDocument/2006/relationships/diagramQuickStyle" Target="../diagrams/quickStyle3.xml"/><Relationship Id="rId22" Type="http://schemas.microsoft.com/office/2007/relationships/diagramDrawing" Target="../diagrams/drawing4.xml"/><Relationship Id="rId27" Type="http://schemas.microsoft.com/office/2007/relationships/diagramDrawing" Target="../diagrams/drawing5.xml"/><Relationship Id="rId30" Type="http://schemas.openxmlformats.org/officeDocument/2006/relationships/diagramQuickStyle" Target="../diagrams/quickStyle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5000" r="-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533400"/>
            <a:ext cx="7772400" cy="1470025"/>
          </a:xfrm>
        </p:spPr>
        <p:txBody>
          <a:bodyPr/>
          <a:lstStyle/>
          <a:p>
            <a:r>
              <a:rPr lang="en-US" dirty="0" smtClean="0"/>
              <a:t>Ace Consulting Service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19200" y="2971800"/>
            <a:ext cx="6858000" cy="685800"/>
          </a:xfrm>
        </p:spPr>
        <p:txBody>
          <a:bodyPr>
            <a:normAutofit fontScale="70000" lnSpcReduction="20000"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FoxMeyer Corp. - ERP Implementation Business Proposal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5791200" y="5266730"/>
            <a:ext cx="3200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/>
              <a:t>Sucheth </a:t>
            </a:r>
            <a:r>
              <a:rPr lang="en-US" dirty="0" err="1" smtClean="0"/>
              <a:t>Renuka</a:t>
            </a:r>
            <a:r>
              <a:rPr lang="en-US" dirty="0" smtClean="0"/>
              <a:t> Prasad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4953000" y="1585356"/>
            <a:ext cx="3276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i="1" dirty="0" smtClean="0">
                <a:latin typeface="+mj-lt"/>
              </a:rPr>
              <a:t>We Help </a:t>
            </a:r>
            <a:r>
              <a:rPr lang="en-US" i="1" dirty="0">
                <a:latin typeface="+mj-lt"/>
              </a:rPr>
              <a:t>Y</a:t>
            </a:r>
            <a:r>
              <a:rPr lang="en-US" i="1" dirty="0" smtClean="0">
                <a:latin typeface="+mj-lt"/>
              </a:rPr>
              <a:t>ou </a:t>
            </a:r>
            <a:r>
              <a:rPr lang="en-US" i="1" dirty="0">
                <a:latin typeface="+mj-lt"/>
              </a:rPr>
              <a:t>L</a:t>
            </a:r>
            <a:r>
              <a:rPr lang="en-US" i="1" dirty="0" smtClean="0">
                <a:latin typeface="+mj-lt"/>
              </a:rPr>
              <a:t>ead the Deck</a:t>
            </a:r>
            <a:endParaRPr lang="en-US" i="1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5699765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/>
              <a:t>Project Schedule &amp; Resource Estimation</a:t>
            </a:r>
            <a:r>
              <a:rPr lang="en-US" sz="3600" dirty="0" smtClean="0"/>
              <a:t> </a:t>
            </a:r>
            <a:endParaRPr lang="en-US" sz="3600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27250483"/>
              </p:ext>
            </p:extLst>
          </p:nvPr>
        </p:nvGraphicFramePr>
        <p:xfrm>
          <a:off x="457200" y="1600200"/>
          <a:ext cx="8229600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14800"/>
                <a:gridCol w="41148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baseline="0" dirty="0" smtClean="0"/>
                        <a:t>Proposed Project Resourc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Estimation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600" dirty="0" smtClean="0"/>
                        <a:t>Client/server</a:t>
                      </a:r>
                      <a:r>
                        <a:rPr lang="en-US" sz="1600" baseline="0" dirty="0" smtClean="0"/>
                        <a:t> systems from Hewlett Packard</a:t>
                      </a:r>
                      <a:endParaRPr lang="en-US" sz="1600" dirty="0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USD 640,300</a:t>
                      </a:r>
                      <a:endParaRPr lang="en-US" sz="1600" dirty="0"/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600" dirty="0" smtClean="0"/>
                        <a:t>SAP software</a:t>
                      </a:r>
                      <a:endParaRPr lang="en-US" sz="16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600" dirty="0" smtClean="0"/>
                        <a:t>No.</a:t>
                      </a:r>
                      <a:r>
                        <a:rPr lang="en-US" sz="1600" baseline="0" dirty="0" smtClean="0"/>
                        <a:t> of employees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400</a:t>
                      </a:r>
                      <a:endParaRPr lang="en-US" sz="16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600" dirty="0" smtClean="0"/>
                        <a:t>No. of users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100</a:t>
                      </a:r>
                      <a:endParaRPr lang="en-US" sz="1600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10</a:t>
            </a:fld>
            <a:endParaRPr lang="en-US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12925549"/>
              </p:ext>
            </p:extLst>
          </p:nvPr>
        </p:nvGraphicFramePr>
        <p:xfrm>
          <a:off x="533400" y="3962400"/>
          <a:ext cx="8077200" cy="148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419600"/>
                <a:gridCol w="36576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Estimated Timelin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Duration (weeks)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Business Process Re-engineer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3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de</a:t>
                      </a:r>
                      <a:r>
                        <a:rPr lang="en-US" baseline="0" dirty="0" smtClean="0"/>
                        <a:t> design, development and unit test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12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UA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4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1037615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Phased Implementation </a:t>
            </a:r>
            <a:endParaRPr lang="en-US" sz="36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11</a:t>
            </a:fld>
            <a:endParaRPr lang="en-US"/>
          </a:p>
        </p:txBody>
      </p:sp>
      <p:grpSp>
        <p:nvGrpSpPr>
          <p:cNvPr id="22" name="Group 21"/>
          <p:cNvGrpSpPr/>
          <p:nvPr/>
        </p:nvGrpSpPr>
        <p:grpSpPr>
          <a:xfrm>
            <a:off x="1524000" y="1398984"/>
            <a:ext cx="6095999" cy="1309687"/>
            <a:chOff x="1524000" y="1398984"/>
            <a:chExt cx="6095999" cy="1309687"/>
          </a:xfrm>
        </p:grpSpPr>
        <p:sp>
          <p:nvSpPr>
            <p:cNvPr id="16" name="Freeform 15"/>
            <p:cNvSpPr/>
            <p:nvPr/>
          </p:nvSpPr>
          <p:spPr>
            <a:xfrm>
              <a:off x="3718559" y="1529953"/>
              <a:ext cx="3901440" cy="1047752"/>
            </a:xfrm>
            <a:custGeom>
              <a:avLst/>
              <a:gdLst>
                <a:gd name="connsiteX0" fmla="*/ 174628 w 1047750"/>
                <a:gd name="connsiteY0" fmla="*/ 0 h 3901440"/>
                <a:gd name="connsiteX1" fmla="*/ 873122 w 1047750"/>
                <a:gd name="connsiteY1" fmla="*/ 0 h 3901440"/>
                <a:gd name="connsiteX2" fmla="*/ 1047750 w 1047750"/>
                <a:gd name="connsiteY2" fmla="*/ 174628 h 3901440"/>
                <a:gd name="connsiteX3" fmla="*/ 1047750 w 1047750"/>
                <a:gd name="connsiteY3" fmla="*/ 3901440 h 3901440"/>
                <a:gd name="connsiteX4" fmla="*/ 1047750 w 1047750"/>
                <a:gd name="connsiteY4" fmla="*/ 3901440 h 3901440"/>
                <a:gd name="connsiteX5" fmla="*/ 0 w 1047750"/>
                <a:gd name="connsiteY5" fmla="*/ 3901440 h 3901440"/>
                <a:gd name="connsiteX6" fmla="*/ 0 w 1047750"/>
                <a:gd name="connsiteY6" fmla="*/ 3901440 h 3901440"/>
                <a:gd name="connsiteX7" fmla="*/ 0 w 1047750"/>
                <a:gd name="connsiteY7" fmla="*/ 174628 h 3901440"/>
                <a:gd name="connsiteX8" fmla="*/ 174628 w 1047750"/>
                <a:gd name="connsiteY8" fmla="*/ 0 h 390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47750" h="3901440">
                  <a:moveTo>
                    <a:pt x="1047750" y="650252"/>
                  </a:moveTo>
                  <a:lnTo>
                    <a:pt x="1047750" y="3251188"/>
                  </a:lnTo>
                  <a:cubicBezTo>
                    <a:pt x="1047750" y="3610310"/>
                    <a:pt x="1026753" y="3901438"/>
                    <a:pt x="1000853" y="3901438"/>
                  </a:cubicBezTo>
                  <a:lnTo>
                    <a:pt x="0" y="3901438"/>
                  </a:lnTo>
                  <a:lnTo>
                    <a:pt x="0" y="3901438"/>
                  </a:lnTo>
                  <a:lnTo>
                    <a:pt x="0" y="2"/>
                  </a:lnTo>
                  <a:lnTo>
                    <a:pt x="0" y="2"/>
                  </a:lnTo>
                  <a:lnTo>
                    <a:pt x="1000853" y="2"/>
                  </a:lnTo>
                  <a:cubicBezTo>
                    <a:pt x="1026753" y="2"/>
                    <a:pt x="1047750" y="291130"/>
                    <a:pt x="1047750" y="650252"/>
                  </a:cubicBezTo>
                  <a:close/>
                </a:path>
              </a:pathLst>
            </a:cu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1" tIns="87343" rIns="123536" bIns="87343" numCol="1" spcCol="1270" anchor="ctr" anchorCtr="0">
              <a:noAutofit/>
            </a:bodyPr>
            <a:lstStyle/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Business Process Re-engineering</a:t>
              </a:r>
              <a:endParaRPr lang="en-US" sz="1600" kern="1200" dirty="0"/>
            </a:p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Participation of end user in analysis and design process</a:t>
              </a:r>
            </a:p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dirty="0" smtClean="0"/>
                <a:t>Requirements sign-off</a:t>
              </a:r>
              <a:endParaRPr lang="en-US" sz="1600" kern="1200" dirty="0"/>
            </a:p>
          </p:txBody>
        </p:sp>
        <p:sp>
          <p:nvSpPr>
            <p:cNvPr id="17" name="Freeform 16"/>
            <p:cNvSpPr/>
            <p:nvPr/>
          </p:nvSpPr>
          <p:spPr>
            <a:xfrm>
              <a:off x="1524000" y="1398984"/>
              <a:ext cx="2194560" cy="1309687"/>
            </a:xfrm>
            <a:custGeom>
              <a:avLst/>
              <a:gdLst>
                <a:gd name="connsiteX0" fmla="*/ 0 w 2194560"/>
                <a:gd name="connsiteY0" fmla="*/ 218286 h 1309687"/>
                <a:gd name="connsiteX1" fmla="*/ 218286 w 2194560"/>
                <a:gd name="connsiteY1" fmla="*/ 0 h 1309687"/>
                <a:gd name="connsiteX2" fmla="*/ 1976274 w 2194560"/>
                <a:gd name="connsiteY2" fmla="*/ 0 h 1309687"/>
                <a:gd name="connsiteX3" fmla="*/ 2194560 w 2194560"/>
                <a:gd name="connsiteY3" fmla="*/ 218286 h 1309687"/>
                <a:gd name="connsiteX4" fmla="*/ 2194560 w 2194560"/>
                <a:gd name="connsiteY4" fmla="*/ 1091401 h 1309687"/>
                <a:gd name="connsiteX5" fmla="*/ 1976274 w 2194560"/>
                <a:gd name="connsiteY5" fmla="*/ 1309687 h 1309687"/>
                <a:gd name="connsiteX6" fmla="*/ 218286 w 2194560"/>
                <a:gd name="connsiteY6" fmla="*/ 1309687 h 1309687"/>
                <a:gd name="connsiteX7" fmla="*/ 0 w 2194560"/>
                <a:gd name="connsiteY7" fmla="*/ 1091401 h 1309687"/>
                <a:gd name="connsiteX8" fmla="*/ 0 w 2194560"/>
                <a:gd name="connsiteY8" fmla="*/ 218286 h 1309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94560" h="1309687">
                  <a:moveTo>
                    <a:pt x="0" y="218286"/>
                  </a:moveTo>
                  <a:cubicBezTo>
                    <a:pt x="0" y="97730"/>
                    <a:pt x="97730" y="0"/>
                    <a:pt x="218286" y="0"/>
                  </a:cubicBezTo>
                  <a:lnTo>
                    <a:pt x="1976274" y="0"/>
                  </a:lnTo>
                  <a:cubicBezTo>
                    <a:pt x="2096830" y="0"/>
                    <a:pt x="2194560" y="97730"/>
                    <a:pt x="2194560" y="218286"/>
                  </a:cubicBezTo>
                  <a:lnTo>
                    <a:pt x="2194560" y="1091401"/>
                  </a:lnTo>
                  <a:cubicBezTo>
                    <a:pt x="2194560" y="1211957"/>
                    <a:pt x="2096830" y="1309687"/>
                    <a:pt x="1976274" y="1309687"/>
                  </a:cubicBezTo>
                  <a:lnTo>
                    <a:pt x="218286" y="1309687"/>
                  </a:lnTo>
                  <a:cubicBezTo>
                    <a:pt x="97730" y="1309687"/>
                    <a:pt x="0" y="1211957"/>
                    <a:pt x="0" y="1091401"/>
                  </a:cubicBezTo>
                  <a:lnTo>
                    <a:pt x="0" y="218286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43944" tIns="103939" rIns="143944" bIns="103939" numCol="1" spcCol="1270" anchor="ctr" anchorCtr="0">
              <a:noAutofit/>
            </a:bodyPr>
            <a:lstStyle/>
            <a:p>
              <a:pPr lvl="0" algn="ctr" defTabSz="9334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100" kern="1200" dirty="0" smtClean="0"/>
                <a:t>Pre-implementation Phase</a:t>
              </a:r>
              <a:endParaRPr lang="en-US" sz="2100" kern="1200" dirty="0"/>
            </a:p>
          </p:txBody>
        </p:sp>
      </p:grpSp>
      <p:grpSp>
        <p:nvGrpSpPr>
          <p:cNvPr id="23" name="Group 22"/>
          <p:cNvGrpSpPr/>
          <p:nvPr/>
        </p:nvGrpSpPr>
        <p:grpSpPr>
          <a:xfrm>
            <a:off x="1524000" y="2774156"/>
            <a:ext cx="6096000" cy="1309687"/>
            <a:chOff x="1524000" y="2774156"/>
            <a:chExt cx="6096000" cy="1309687"/>
          </a:xfrm>
        </p:grpSpPr>
        <p:sp>
          <p:nvSpPr>
            <p:cNvPr id="18" name="Freeform 17"/>
            <p:cNvSpPr/>
            <p:nvPr/>
          </p:nvSpPr>
          <p:spPr>
            <a:xfrm>
              <a:off x="3718560" y="2905124"/>
              <a:ext cx="3901440" cy="1047751"/>
            </a:xfrm>
            <a:custGeom>
              <a:avLst/>
              <a:gdLst>
                <a:gd name="connsiteX0" fmla="*/ 174628 w 1047750"/>
                <a:gd name="connsiteY0" fmla="*/ 0 h 3901440"/>
                <a:gd name="connsiteX1" fmla="*/ 873122 w 1047750"/>
                <a:gd name="connsiteY1" fmla="*/ 0 h 3901440"/>
                <a:gd name="connsiteX2" fmla="*/ 1047750 w 1047750"/>
                <a:gd name="connsiteY2" fmla="*/ 174628 h 3901440"/>
                <a:gd name="connsiteX3" fmla="*/ 1047750 w 1047750"/>
                <a:gd name="connsiteY3" fmla="*/ 3901440 h 3901440"/>
                <a:gd name="connsiteX4" fmla="*/ 1047750 w 1047750"/>
                <a:gd name="connsiteY4" fmla="*/ 3901440 h 3901440"/>
                <a:gd name="connsiteX5" fmla="*/ 0 w 1047750"/>
                <a:gd name="connsiteY5" fmla="*/ 3901440 h 3901440"/>
                <a:gd name="connsiteX6" fmla="*/ 0 w 1047750"/>
                <a:gd name="connsiteY6" fmla="*/ 3901440 h 3901440"/>
                <a:gd name="connsiteX7" fmla="*/ 0 w 1047750"/>
                <a:gd name="connsiteY7" fmla="*/ 174628 h 3901440"/>
                <a:gd name="connsiteX8" fmla="*/ 174628 w 1047750"/>
                <a:gd name="connsiteY8" fmla="*/ 0 h 390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47750" h="3901440">
                  <a:moveTo>
                    <a:pt x="1047750" y="650252"/>
                  </a:moveTo>
                  <a:lnTo>
                    <a:pt x="1047750" y="3251188"/>
                  </a:lnTo>
                  <a:cubicBezTo>
                    <a:pt x="1047750" y="3610310"/>
                    <a:pt x="1026753" y="3901438"/>
                    <a:pt x="1000853" y="3901438"/>
                  </a:cubicBezTo>
                  <a:lnTo>
                    <a:pt x="0" y="3901438"/>
                  </a:lnTo>
                  <a:lnTo>
                    <a:pt x="0" y="3901438"/>
                  </a:lnTo>
                  <a:lnTo>
                    <a:pt x="0" y="2"/>
                  </a:lnTo>
                  <a:lnTo>
                    <a:pt x="0" y="2"/>
                  </a:lnTo>
                  <a:lnTo>
                    <a:pt x="1000853" y="2"/>
                  </a:lnTo>
                  <a:cubicBezTo>
                    <a:pt x="1026753" y="2"/>
                    <a:pt x="1047750" y="291130"/>
                    <a:pt x="1047750" y="650252"/>
                  </a:cubicBezTo>
                  <a:close/>
                </a:path>
              </a:pathLst>
            </a:cu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1" tIns="87342" rIns="123536" bIns="87343" numCol="1" spcCol="1270" anchor="ctr" anchorCtr="0">
              <a:noAutofit/>
            </a:bodyPr>
            <a:lstStyle/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Adequate time for UAT</a:t>
              </a:r>
              <a:endParaRPr lang="en-US" sz="1600" kern="1200" dirty="0"/>
            </a:p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Knowledge transfer sessions</a:t>
              </a:r>
              <a:endParaRPr lang="en-US" sz="1600" kern="1200" dirty="0"/>
            </a:p>
          </p:txBody>
        </p:sp>
        <p:sp>
          <p:nvSpPr>
            <p:cNvPr id="19" name="Freeform 18"/>
            <p:cNvSpPr/>
            <p:nvPr/>
          </p:nvSpPr>
          <p:spPr>
            <a:xfrm>
              <a:off x="1524000" y="2774156"/>
              <a:ext cx="2194560" cy="1309687"/>
            </a:xfrm>
            <a:custGeom>
              <a:avLst/>
              <a:gdLst>
                <a:gd name="connsiteX0" fmla="*/ 0 w 2194560"/>
                <a:gd name="connsiteY0" fmla="*/ 218286 h 1309687"/>
                <a:gd name="connsiteX1" fmla="*/ 218286 w 2194560"/>
                <a:gd name="connsiteY1" fmla="*/ 0 h 1309687"/>
                <a:gd name="connsiteX2" fmla="*/ 1976274 w 2194560"/>
                <a:gd name="connsiteY2" fmla="*/ 0 h 1309687"/>
                <a:gd name="connsiteX3" fmla="*/ 2194560 w 2194560"/>
                <a:gd name="connsiteY3" fmla="*/ 218286 h 1309687"/>
                <a:gd name="connsiteX4" fmla="*/ 2194560 w 2194560"/>
                <a:gd name="connsiteY4" fmla="*/ 1091401 h 1309687"/>
                <a:gd name="connsiteX5" fmla="*/ 1976274 w 2194560"/>
                <a:gd name="connsiteY5" fmla="*/ 1309687 h 1309687"/>
                <a:gd name="connsiteX6" fmla="*/ 218286 w 2194560"/>
                <a:gd name="connsiteY6" fmla="*/ 1309687 h 1309687"/>
                <a:gd name="connsiteX7" fmla="*/ 0 w 2194560"/>
                <a:gd name="connsiteY7" fmla="*/ 1091401 h 1309687"/>
                <a:gd name="connsiteX8" fmla="*/ 0 w 2194560"/>
                <a:gd name="connsiteY8" fmla="*/ 218286 h 1309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94560" h="1309687">
                  <a:moveTo>
                    <a:pt x="0" y="218286"/>
                  </a:moveTo>
                  <a:cubicBezTo>
                    <a:pt x="0" y="97730"/>
                    <a:pt x="97730" y="0"/>
                    <a:pt x="218286" y="0"/>
                  </a:cubicBezTo>
                  <a:lnTo>
                    <a:pt x="1976274" y="0"/>
                  </a:lnTo>
                  <a:cubicBezTo>
                    <a:pt x="2096830" y="0"/>
                    <a:pt x="2194560" y="97730"/>
                    <a:pt x="2194560" y="218286"/>
                  </a:cubicBezTo>
                  <a:lnTo>
                    <a:pt x="2194560" y="1091401"/>
                  </a:lnTo>
                  <a:cubicBezTo>
                    <a:pt x="2194560" y="1211957"/>
                    <a:pt x="2096830" y="1309687"/>
                    <a:pt x="1976274" y="1309687"/>
                  </a:cubicBezTo>
                  <a:lnTo>
                    <a:pt x="218286" y="1309687"/>
                  </a:lnTo>
                  <a:cubicBezTo>
                    <a:pt x="97730" y="1309687"/>
                    <a:pt x="0" y="1211957"/>
                    <a:pt x="0" y="1091401"/>
                  </a:cubicBezTo>
                  <a:lnTo>
                    <a:pt x="0" y="218286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43944" tIns="103939" rIns="143944" bIns="103939" numCol="1" spcCol="1270" anchor="ctr" anchorCtr="0">
              <a:noAutofit/>
            </a:bodyPr>
            <a:lstStyle/>
            <a:p>
              <a:pPr lvl="0" algn="ctr" defTabSz="9334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100" kern="1200" dirty="0" smtClean="0"/>
                <a:t>Implementation Phase</a:t>
              </a:r>
              <a:endParaRPr lang="en-US" sz="2100" kern="1200" dirty="0"/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1524000" y="4149328"/>
            <a:ext cx="6096000" cy="1309687"/>
            <a:chOff x="1524000" y="4149328"/>
            <a:chExt cx="6096000" cy="1309687"/>
          </a:xfrm>
        </p:grpSpPr>
        <p:sp>
          <p:nvSpPr>
            <p:cNvPr id="20" name="Freeform 19"/>
            <p:cNvSpPr/>
            <p:nvPr/>
          </p:nvSpPr>
          <p:spPr>
            <a:xfrm>
              <a:off x="3718560" y="4280296"/>
              <a:ext cx="3901440" cy="1047751"/>
            </a:xfrm>
            <a:custGeom>
              <a:avLst/>
              <a:gdLst>
                <a:gd name="connsiteX0" fmla="*/ 174628 w 1047750"/>
                <a:gd name="connsiteY0" fmla="*/ 0 h 3901440"/>
                <a:gd name="connsiteX1" fmla="*/ 873122 w 1047750"/>
                <a:gd name="connsiteY1" fmla="*/ 0 h 3901440"/>
                <a:gd name="connsiteX2" fmla="*/ 1047750 w 1047750"/>
                <a:gd name="connsiteY2" fmla="*/ 174628 h 3901440"/>
                <a:gd name="connsiteX3" fmla="*/ 1047750 w 1047750"/>
                <a:gd name="connsiteY3" fmla="*/ 3901440 h 3901440"/>
                <a:gd name="connsiteX4" fmla="*/ 1047750 w 1047750"/>
                <a:gd name="connsiteY4" fmla="*/ 3901440 h 3901440"/>
                <a:gd name="connsiteX5" fmla="*/ 0 w 1047750"/>
                <a:gd name="connsiteY5" fmla="*/ 3901440 h 3901440"/>
                <a:gd name="connsiteX6" fmla="*/ 0 w 1047750"/>
                <a:gd name="connsiteY6" fmla="*/ 3901440 h 3901440"/>
                <a:gd name="connsiteX7" fmla="*/ 0 w 1047750"/>
                <a:gd name="connsiteY7" fmla="*/ 174628 h 3901440"/>
                <a:gd name="connsiteX8" fmla="*/ 174628 w 1047750"/>
                <a:gd name="connsiteY8" fmla="*/ 0 h 390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47750" h="3901440">
                  <a:moveTo>
                    <a:pt x="1047750" y="650252"/>
                  </a:moveTo>
                  <a:lnTo>
                    <a:pt x="1047750" y="3251188"/>
                  </a:lnTo>
                  <a:cubicBezTo>
                    <a:pt x="1047750" y="3610310"/>
                    <a:pt x="1026753" y="3901438"/>
                    <a:pt x="1000853" y="3901438"/>
                  </a:cubicBezTo>
                  <a:lnTo>
                    <a:pt x="0" y="3901438"/>
                  </a:lnTo>
                  <a:lnTo>
                    <a:pt x="0" y="3901438"/>
                  </a:lnTo>
                  <a:lnTo>
                    <a:pt x="0" y="2"/>
                  </a:lnTo>
                  <a:lnTo>
                    <a:pt x="0" y="2"/>
                  </a:lnTo>
                  <a:lnTo>
                    <a:pt x="1000853" y="2"/>
                  </a:lnTo>
                  <a:cubicBezTo>
                    <a:pt x="1026753" y="2"/>
                    <a:pt x="1047750" y="291130"/>
                    <a:pt x="1047750" y="650252"/>
                  </a:cubicBezTo>
                  <a:close/>
                </a:path>
              </a:pathLst>
            </a:cu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1" tIns="87342" rIns="123536" bIns="87343" numCol="1" spcCol="1270" anchor="ctr" anchorCtr="0">
              <a:noAutofit/>
            </a:bodyPr>
            <a:lstStyle/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Post Implementation Audit</a:t>
              </a:r>
              <a:endParaRPr lang="en-US" sz="1600" kern="1200" dirty="0"/>
            </a:p>
            <a:p>
              <a:pPr marL="171450" lvl="1" indent="-171450" algn="l" defTabSz="84455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600" kern="1200" dirty="0" smtClean="0"/>
                <a:t>Support for error handling </a:t>
              </a:r>
              <a:endParaRPr lang="en-US" sz="1600" kern="1200" dirty="0"/>
            </a:p>
          </p:txBody>
        </p:sp>
        <p:sp>
          <p:nvSpPr>
            <p:cNvPr id="21" name="Freeform 20"/>
            <p:cNvSpPr/>
            <p:nvPr/>
          </p:nvSpPr>
          <p:spPr>
            <a:xfrm>
              <a:off x="1524000" y="4149328"/>
              <a:ext cx="2194560" cy="1309687"/>
            </a:xfrm>
            <a:custGeom>
              <a:avLst/>
              <a:gdLst>
                <a:gd name="connsiteX0" fmla="*/ 0 w 2194560"/>
                <a:gd name="connsiteY0" fmla="*/ 218286 h 1309687"/>
                <a:gd name="connsiteX1" fmla="*/ 218286 w 2194560"/>
                <a:gd name="connsiteY1" fmla="*/ 0 h 1309687"/>
                <a:gd name="connsiteX2" fmla="*/ 1976274 w 2194560"/>
                <a:gd name="connsiteY2" fmla="*/ 0 h 1309687"/>
                <a:gd name="connsiteX3" fmla="*/ 2194560 w 2194560"/>
                <a:gd name="connsiteY3" fmla="*/ 218286 h 1309687"/>
                <a:gd name="connsiteX4" fmla="*/ 2194560 w 2194560"/>
                <a:gd name="connsiteY4" fmla="*/ 1091401 h 1309687"/>
                <a:gd name="connsiteX5" fmla="*/ 1976274 w 2194560"/>
                <a:gd name="connsiteY5" fmla="*/ 1309687 h 1309687"/>
                <a:gd name="connsiteX6" fmla="*/ 218286 w 2194560"/>
                <a:gd name="connsiteY6" fmla="*/ 1309687 h 1309687"/>
                <a:gd name="connsiteX7" fmla="*/ 0 w 2194560"/>
                <a:gd name="connsiteY7" fmla="*/ 1091401 h 1309687"/>
                <a:gd name="connsiteX8" fmla="*/ 0 w 2194560"/>
                <a:gd name="connsiteY8" fmla="*/ 218286 h 1309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94560" h="1309687">
                  <a:moveTo>
                    <a:pt x="0" y="218286"/>
                  </a:moveTo>
                  <a:cubicBezTo>
                    <a:pt x="0" y="97730"/>
                    <a:pt x="97730" y="0"/>
                    <a:pt x="218286" y="0"/>
                  </a:cubicBezTo>
                  <a:lnTo>
                    <a:pt x="1976274" y="0"/>
                  </a:lnTo>
                  <a:cubicBezTo>
                    <a:pt x="2096830" y="0"/>
                    <a:pt x="2194560" y="97730"/>
                    <a:pt x="2194560" y="218286"/>
                  </a:cubicBezTo>
                  <a:lnTo>
                    <a:pt x="2194560" y="1091401"/>
                  </a:lnTo>
                  <a:cubicBezTo>
                    <a:pt x="2194560" y="1211957"/>
                    <a:pt x="2096830" y="1309687"/>
                    <a:pt x="1976274" y="1309687"/>
                  </a:cubicBezTo>
                  <a:lnTo>
                    <a:pt x="218286" y="1309687"/>
                  </a:lnTo>
                  <a:cubicBezTo>
                    <a:pt x="97730" y="1309687"/>
                    <a:pt x="0" y="1211957"/>
                    <a:pt x="0" y="1091401"/>
                  </a:cubicBezTo>
                  <a:lnTo>
                    <a:pt x="0" y="218286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43944" tIns="103939" rIns="143944" bIns="103939" numCol="1" spcCol="1270" anchor="ctr" anchorCtr="0">
              <a:noAutofit/>
            </a:bodyPr>
            <a:lstStyle/>
            <a:p>
              <a:pPr lvl="0" algn="ctr" defTabSz="9334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100" kern="1200" dirty="0" smtClean="0"/>
                <a:t>Post Implementation Phase</a:t>
              </a:r>
              <a:endParaRPr lang="en-US" sz="2100" kern="1200" dirty="0"/>
            </a:p>
          </p:txBody>
        </p:sp>
      </p:grpSp>
    </p:spTree>
    <p:extLst>
      <p:ext uri="{BB962C8B-B14F-4D97-AF65-F5344CB8AC3E}">
        <p14:creationId xmlns:p14="http://schemas.microsoft.com/office/powerpoint/2010/main" val="87425694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000"/>
                            </p:stCondLst>
                            <p:childTnLst>
                              <p:par>
                                <p:cTn id="17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Business Process Re-engineering</a:t>
            </a:r>
            <a:endParaRPr lang="en-US" sz="3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392" y="2590800"/>
            <a:ext cx="8229600" cy="2901295"/>
          </a:xfrm>
        </p:spPr>
        <p:txBody>
          <a:bodyPr>
            <a:normAutofit/>
          </a:bodyPr>
          <a:lstStyle/>
          <a:p>
            <a:r>
              <a:rPr lang="en-US" sz="2000" dirty="0" smtClean="0"/>
              <a:t>Modification of Business Process Management according to the implementation needs of ERP</a:t>
            </a:r>
          </a:p>
          <a:p>
            <a:r>
              <a:rPr lang="en-US" sz="2000" dirty="0" smtClean="0"/>
              <a:t>Avoid the “Silo Effect” – </a:t>
            </a:r>
            <a:r>
              <a:rPr lang="en-US" sz="2000" dirty="0" err="1" smtClean="0"/>
              <a:t>e.g</a:t>
            </a:r>
            <a:r>
              <a:rPr lang="en-US" sz="2000" dirty="0" smtClean="0"/>
              <a:t> Hershey Food Inc.** </a:t>
            </a:r>
          </a:p>
          <a:p>
            <a:r>
              <a:rPr lang="en-US" sz="2000" dirty="0" smtClean="0"/>
              <a:t>No complete management dependency on the project</a:t>
            </a:r>
          </a:p>
          <a:p>
            <a:endParaRPr lang="en-US" sz="2000" dirty="0" smtClean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12</a:t>
            </a:fld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381000" y="6019800"/>
            <a:ext cx="79248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/>
              <a:t>**source:  Based on article David F. </a:t>
            </a:r>
            <a:r>
              <a:rPr lang="en-US" sz="1400" i="1" dirty="0" err="1"/>
              <a:t>Carr</a:t>
            </a:r>
            <a:r>
              <a:rPr lang="en-US" sz="1400" i="1" dirty="0"/>
              <a:t>, “Hershey’s Sweet Victory”, December 16,2002, issue is of Baseline Magazine</a:t>
            </a:r>
          </a:p>
        </p:txBody>
      </p:sp>
      <p:graphicFrame>
        <p:nvGraphicFramePr>
          <p:cNvPr id="8" name="Content Placeholder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6785250"/>
              </p:ext>
            </p:extLst>
          </p:nvPr>
        </p:nvGraphicFramePr>
        <p:xfrm>
          <a:off x="478536" y="1524000"/>
          <a:ext cx="8229600" cy="914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61842406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/>
              <a:t>Human Resource Management</a:t>
            </a:r>
            <a:endParaRPr lang="en-US" sz="3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13</a:t>
            </a:fld>
            <a:endParaRPr lang="en-US"/>
          </a:p>
        </p:txBody>
      </p:sp>
      <p:sp>
        <p:nvSpPr>
          <p:cNvPr id="7" name="Freeform 6"/>
          <p:cNvSpPr/>
          <p:nvPr/>
        </p:nvSpPr>
        <p:spPr>
          <a:xfrm>
            <a:off x="3273266" y="3416018"/>
            <a:ext cx="2597467" cy="2597467"/>
          </a:xfrm>
          <a:custGeom>
            <a:avLst/>
            <a:gdLst>
              <a:gd name="connsiteX0" fmla="*/ 0 w 2597467"/>
              <a:gd name="connsiteY0" fmla="*/ 1298734 h 2597467"/>
              <a:gd name="connsiteX1" fmla="*/ 1298734 w 2597467"/>
              <a:gd name="connsiteY1" fmla="*/ 0 h 2597467"/>
              <a:gd name="connsiteX2" fmla="*/ 2597468 w 2597467"/>
              <a:gd name="connsiteY2" fmla="*/ 1298734 h 2597467"/>
              <a:gd name="connsiteX3" fmla="*/ 1298734 w 2597467"/>
              <a:gd name="connsiteY3" fmla="*/ 2597468 h 2597467"/>
              <a:gd name="connsiteX4" fmla="*/ 0 w 2597467"/>
              <a:gd name="connsiteY4" fmla="*/ 1298734 h 259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597467" h="2597467">
                <a:moveTo>
                  <a:pt x="0" y="1298734"/>
                </a:moveTo>
                <a:cubicBezTo>
                  <a:pt x="0" y="581463"/>
                  <a:pt x="581463" y="0"/>
                  <a:pt x="1298734" y="0"/>
                </a:cubicBezTo>
                <a:cubicBezTo>
                  <a:pt x="2016005" y="0"/>
                  <a:pt x="2597468" y="581463"/>
                  <a:pt x="2597468" y="1298734"/>
                </a:cubicBezTo>
                <a:cubicBezTo>
                  <a:pt x="2597468" y="2016005"/>
                  <a:pt x="2016005" y="2597468"/>
                  <a:pt x="1298734" y="2597468"/>
                </a:cubicBezTo>
                <a:cubicBezTo>
                  <a:pt x="581463" y="2597468"/>
                  <a:pt x="0" y="2016005"/>
                  <a:pt x="0" y="129873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390550" tIns="390550" rIns="390550" bIns="390550" numCol="1" spcCol="1270" anchor="ctr" anchorCtr="0">
            <a:no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dirty="0" smtClean="0"/>
              <a:t>400 Employees</a:t>
            </a:r>
          </a:p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dirty="0" smtClean="0"/>
              <a:t>100 Users</a:t>
            </a:r>
            <a:endParaRPr lang="en-US" sz="1600" kern="1200" dirty="0"/>
          </a:p>
        </p:txBody>
      </p:sp>
      <p:sp>
        <p:nvSpPr>
          <p:cNvPr id="8" name="Left Arrow 7"/>
          <p:cNvSpPr/>
          <p:nvPr/>
        </p:nvSpPr>
        <p:spPr>
          <a:xfrm rot="12900000">
            <a:off x="1505323" y="2929810"/>
            <a:ext cx="2092257" cy="740278"/>
          </a:xfrm>
          <a:prstGeom prst="leftArrow">
            <a:avLst>
              <a:gd name="adj1" fmla="val 60000"/>
              <a:gd name="adj2" fmla="val 50000"/>
            </a:avLst>
          </a:pr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" name="Freeform 8"/>
          <p:cNvSpPr/>
          <p:nvPr/>
        </p:nvSpPr>
        <p:spPr>
          <a:xfrm>
            <a:off x="460716" y="1712876"/>
            <a:ext cx="2467594" cy="1974075"/>
          </a:xfrm>
          <a:custGeom>
            <a:avLst/>
            <a:gdLst>
              <a:gd name="connsiteX0" fmla="*/ 0 w 2467594"/>
              <a:gd name="connsiteY0" fmla="*/ 197408 h 1974075"/>
              <a:gd name="connsiteX1" fmla="*/ 197408 w 2467594"/>
              <a:gd name="connsiteY1" fmla="*/ 0 h 1974075"/>
              <a:gd name="connsiteX2" fmla="*/ 2270187 w 2467594"/>
              <a:gd name="connsiteY2" fmla="*/ 0 h 1974075"/>
              <a:gd name="connsiteX3" fmla="*/ 2467595 w 2467594"/>
              <a:gd name="connsiteY3" fmla="*/ 197408 h 1974075"/>
              <a:gd name="connsiteX4" fmla="*/ 2467594 w 2467594"/>
              <a:gd name="connsiteY4" fmla="*/ 1776668 h 1974075"/>
              <a:gd name="connsiteX5" fmla="*/ 2270186 w 2467594"/>
              <a:gd name="connsiteY5" fmla="*/ 1974076 h 1974075"/>
              <a:gd name="connsiteX6" fmla="*/ 197408 w 2467594"/>
              <a:gd name="connsiteY6" fmla="*/ 1974075 h 1974075"/>
              <a:gd name="connsiteX7" fmla="*/ 0 w 2467594"/>
              <a:gd name="connsiteY7" fmla="*/ 1776667 h 1974075"/>
              <a:gd name="connsiteX8" fmla="*/ 0 w 2467594"/>
              <a:gd name="connsiteY8" fmla="*/ 197408 h 1974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467594" h="1974075">
                <a:moveTo>
                  <a:pt x="0" y="197408"/>
                </a:moveTo>
                <a:cubicBezTo>
                  <a:pt x="0" y="88383"/>
                  <a:pt x="88383" y="0"/>
                  <a:pt x="197408" y="0"/>
                </a:cubicBezTo>
                <a:lnTo>
                  <a:pt x="2270187" y="0"/>
                </a:lnTo>
                <a:cubicBezTo>
                  <a:pt x="2379212" y="0"/>
                  <a:pt x="2467595" y="88383"/>
                  <a:pt x="2467595" y="197408"/>
                </a:cubicBezTo>
                <a:cubicBezTo>
                  <a:pt x="2467595" y="723828"/>
                  <a:pt x="2467594" y="1250248"/>
                  <a:pt x="2467594" y="1776668"/>
                </a:cubicBezTo>
                <a:cubicBezTo>
                  <a:pt x="2467594" y="1885693"/>
                  <a:pt x="2379211" y="1974076"/>
                  <a:pt x="2270186" y="1974076"/>
                </a:cubicBezTo>
                <a:lnTo>
                  <a:pt x="197408" y="1974075"/>
                </a:lnTo>
                <a:cubicBezTo>
                  <a:pt x="88383" y="1974075"/>
                  <a:pt x="0" y="1885692"/>
                  <a:pt x="0" y="1776667"/>
                </a:cubicBezTo>
                <a:lnTo>
                  <a:pt x="0" y="197408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88299" tIns="88299" rIns="88299" bIns="88299" numCol="1" spcCol="1270" anchor="ctr" anchorCtr="0">
            <a:no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dirty="0" smtClean="0"/>
              <a:t>20 SAP consultants from ACS </a:t>
            </a:r>
            <a:endParaRPr lang="en-US" sz="1600" kern="1200" dirty="0"/>
          </a:p>
        </p:txBody>
      </p:sp>
      <p:sp>
        <p:nvSpPr>
          <p:cNvPr id="10" name="Left Arrow 9"/>
          <p:cNvSpPr/>
          <p:nvPr/>
        </p:nvSpPr>
        <p:spPr>
          <a:xfrm rot="19500000">
            <a:off x="5546419" y="2929810"/>
            <a:ext cx="2092257" cy="740278"/>
          </a:xfrm>
          <a:prstGeom prst="leftArrow">
            <a:avLst>
              <a:gd name="adj1" fmla="val 60000"/>
              <a:gd name="adj2" fmla="val 50000"/>
            </a:avLst>
          </a:pr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1" name="Freeform 10"/>
          <p:cNvSpPr/>
          <p:nvPr/>
        </p:nvSpPr>
        <p:spPr>
          <a:xfrm>
            <a:off x="6215689" y="1712876"/>
            <a:ext cx="2467594" cy="1974075"/>
          </a:xfrm>
          <a:custGeom>
            <a:avLst/>
            <a:gdLst>
              <a:gd name="connsiteX0" fmla="*/ 0 w 2467594"/>
              <a:gd name="connsiteY0" fmla="*/ 197408 h 1974075"/>
              <a:gd name="connsiteX1" fmla="*/ 197408 w 2467594"/>
              <a:gd name="connsiteY1" fmla="*/ 0 h 1974075"/>
              <a:gd name="connsiteX2" fmla="*/ 2270187 w 2467594"/>
              <a:gd name="connsiteY2" fmla="*/ 0 h 1974075"/>
              <a:gd name="connsiteX3" fmla="*/ 2467595 w 2467594"/>
              <a:gd name="connsiteY3" fmla="*/ 197408 h 1974075"/>
              <a:gd name="connsiteX4" fmla="*/ 2467594 w 2467594"/>
              <a:gd name="connsiteY4" fmla="*/ 1776668 h 1974075"/>
              <a:gd name="connsiteX5" fmla="*/ 2270186 w 2467594"/>
              <a:gd name="connsiteY5" fmla="*/ 1974076 h 1974075"/>
              <a:gd name="connsiteX6" fmla="*/ 197408 w 2467594"/>
              <a:gd name="connsiteY6" fmla="*/ 1974075 h 1974075"/>
              <a:gd name="connsiteX7" fmla="*/ 0 w 2467594"/>
              <a:gd name="connsiteY7" fmla="*/ 1776667 h 1974075"/>
              <a:gd name="connsiteX8" fmla="*/ 0 w 2467594"/>
              <a:gd name="connsiteY8" fmla="*/ 197408 h 1974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467594" h="1974075">
                <a:moveTo>
                  <a:pt x="0" y="197408"/>
                </a:moveTo>
                <a:cubicBezTo>
                  <a:pt x="0" y="88383"/>
                  <a:pt x="88383" y="0"/>
                  <a:pt x="197408" y="0"/>
                </a:cubicBezTo>
                <a:lnTo>
                  <a:pt x="2270187" y="0"/>
                </a:lnTo>
                <a:cubicBezTo>
                  <a:pt x="2379212" y="0"/>
                  <a:pt x="2467595" y="88383"/>
                  <a:pt x="2467595" y="197408"/>
                </a:cubicBezTo>
                <a:cubicBezTo>
                  <a:pt x="2467595" y="723828"/>
                  <a:pt x="2467594" y="1250248"/>
                  <a:pt x="2467594" y="1776668"/>
                </a:cubicBezTo>
                <a:cubicBezTo>
                  <a:pt x="2467594" y="1885693"/>
                  <a:pt x="2379211" y="1974076"/>
                  <a:pt x="2270186" y="1974076"/>
                </a:cubicBezTo>
                <a:lnTo>
                  <a:pt x="197408" y="1974075"/>
                </a:lnTo>
                <a:cubicBezTo>
                  <a:pt x="88383" y="1974075"/>
                  <a:pt x="0" y="1885692"/>
                  <a:pt x="0" y="1776667"/>
                </a:cubicBezTo>
                <a:lnTo>
                  <a:pt x="0" y="197408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88299" tIns="88299" rIns="88299" bIns="88299" numCol="1" spcCol="1270" anchor="ctr" anchorCtr="0">
            <a:no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smtClean="0"/>
              <a:t>Train existing </a:t>
            </a:r>
            <a:r>
              <a:rPr lang="en-US" sz="1600" kern="1200" dirty="0" smtClean="0"/>
              <a:t>warehouse workers</a:t>
            </a:r>
            <a:endParaRPr lang="en-US" sz="1600" kern="1200" dirty="0"/>
          </a:p>
        </p:txBody>
      </p:sp>
    </p:spTree>
    <p:extLst>
      <p:ext uri="{BB962C8B-B14F-4D97-AF65-F5344CB8AC3E}">
        <p14:creationId xmlns:p14="http://schemas.microsoft.com/office/powerpoint/2010/main" val="142875684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1000"/>
                            </p:stCondLst>
                            <p:childTnLst>
                              <p:par>
                                <p:cTn id="2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  <p:bldP spid="11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Service Terms &amp; Conditions</a:t>
            </a:r>
            <a:endParaRPr lang="en-US" sz="3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lvl="0"/>
            <a:r>
              <a:rPr lang="en-IN" sz="18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mount </a:t>
            </a:r>
            <a:r>
              <a:rPr lang="en-IN" sz="18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is </a:t>
            </a:r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clusive of taxes. Taxes as and when applicable will be charged extra. Currently the service tax rate is </a:t>
            </a:r>
            <a:r>
              <a:rPr lang="en-IN" sz="18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10.3%.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/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ayment terms: 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/>
            <a:r>
              <a:rPr lang="en-IN" sz="16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60% </a:t>
            </a:r>
            <a:r>
              <a:rPr lang="en-IN" sz="1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f the contract amount to be paid in advance along with the </a:t>
            </a:r>
            <a:r>
              <a:rPr lang="en-IN" sz="16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ontract.</a:t>
            </a:r>
            <a:endParaRPr lang="en-US" sz="16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/>
            <a:r>
              <a:rPr lang="en-IN" sz="1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Balance </a:t>
            </a:r>
            <a:r>
              <a:rPr lang="en-IN" sz="16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40% </a:t>
            </a:r>
            <a:r>
              <a:rPr lang="en-IN" sz="16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o be paid on successful delivery of Product and services as defined in the contract. </a:t>
            </a:r>
            <a:endParaRPr lang="en-US" sz="16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/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y change in scope due to additional request will call for re-negotiations on the timelines and hence the project fees. 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/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e acceptance of any deliverables has to be within one week of submission. After the one week period the deliverables are deemed accepted.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/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is proposal is valid for 30 days from the date of submission.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IN" sz="1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e payment shall be due and payable within fifteen (15) days of the invoice date</a:t>
            </a:r>
            <a:endParaRPr lang="en-US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63089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o are We ?</a:t>
            </a:r>
            <a:endParaRPr lang="en-US" dirty="0"/>
          </a:p>
        </p:txBody>
      </p:sp>
      <p:sp>
        <p:nvSpPr>
          <p:cNvPr id="9" name="Freeform 8"/>
          <p:cNvSpPr/>
          <p:nvPr/>
        </p:nvSpPr>
        <p:spPr>
          <a:xfrm rot="16200000">
            <a:off x="-1058844" y="3926553"/>
            <a:ext cx="3530251" cy="396075"/>
          </a:xfrm>
          <a:custGeom>
            <a:avLst/>
            <a:gdLst>
              <a:gd name="connsiteX0" fmla="*/ 0 w 3530251"/>
              <a:gd name="connsiteY0" fmla="*/ 0 h 396075"/>
              <a:gd name="connsiteX1" fmla="*/ 3530251 w 3530251"/>
              <a:gd name="connsiteY1" fmla="*/ 0 h 396075"/>
              <a:gd name="connsiteX2" fmla="*/ 3530251 w 3530251"/>
              <a:gd name="connsiteY2" fmla="*/ 396075 h 396075"/>
              <a:gd name="connsiteX3" fmla="*/ 0 w 3530251"/>
              <a:gd name="connsiteY3" fmla="*/ 396075 h 396075"/>
              <a:gd name="connsiteX4" fmla="*/ 0 w 3530251"/>
              <a:gd name="connsiteY4" fmla="*/ 0 h 396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530251" h="396075">
                <a:moveTo>
                  <a:pt x="0" y="0"/>
                </a:moveTo>
                <a:lnTo>
                  <a:pt x="3530251" y="0"/>
                </a:lnTo>
                <a:lnTo>
                  <a:pt x="3530251" y="396075"/>
                </a:lnTo>
                <a:lnTo>
                  <a:pt x="0" y="396075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-1" tIns="0" rIns="349317" bIns="0" numCol="1" spcCol="1270" anchor="t" anchorCtr="0">
            <a:noAutofit/>
          </a:bodyPr>
          <a:lstStyle/>
          <a:p>
            <a:pPr lvl="0" algn="r" defTabSz="12446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800" kern="1200"/>
          </a:p>
        </p:txBody>
      </p:sp>
      <p:sp>
        <p:nvSpPr>
          <p:cNvPr id="12" name="Freeform 11"/>
          <p:cNvSpPr/>
          <p:nvPr/>
        </p:nvSpPr>
        <p:spPr>
          <a:xfrm rot="16200000">
            <a:off x="1820436" y="3926553"/>
            <a:ext cx="3530251" cy="396075"/>
          </a:xfrm>
          <a:custGeom>
            <a:avLst/>
            <a:gdLst>
              <a:gd name="connsiteX0" fmla="*/ 0 w 3530251"/>
              <a:gd name="connsiteY0" fmla="*/ 0 h 396075"/>
              <a:gd name="connsiteX1" fmla="*/ 3530251 w 3530251"/>
              <a:gd name="connsiteY1" fmla="*/ 0 h 396075"/>
              <a:gd name="connsiteX2" fmla="*/ 3530251 w 3530251"/>
              <a:gd name="connsiteY2" fmla="*/ 396075 h 396075"/>
              <a:gd name="connsiteX3" fmla="*/ 0 w 3530251"/>
              <a:gd name="connsiteY3" fmla="*/ 396075 h 396075"/>
              <a:gd name="connsiteX4" fmla="*/ 0 w 3530251"/>
              <a:gd name="connsiteY4" fmla="*/ 0 h 396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530251" h="396075">
                <a:moveTo>
                  <a:pt x="0" y="0"/>
                </a:moveTo>
                <a:lnTo>
                  <a:pt x="3530251" y="0"/>
                </a:lnTo>
                <a:lnTo>
                  <a:pt x="3530251" y="396075"/>
                </a:lnTo>
                <a:lnTo>
                  <a:pt x="0" y="396075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-2" tIns="-1" rIns="349317" bIns="0" numCol="1" spcCol="1270" anchor="t" anchorCtr="0">
            <a:noAutofit/>
          </a:bodyPr>
          <a:lstStyle/>
          <a:p>
            <a:pPr lvl="0" algn="r" defTabSz="12446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800" kern="1200"/>
          </a:p>
        </p:txBody>
      </p:sp>
      <p:sp>
        <p:nvSpPr>
          <p:cNvPr id="15" name="Freeform 14"/>
          <p:cNvSpPr/>
          <p:nvPr/>
        </p:nvSpPr>
        <p:spPr>
          <a:xfrm rot="16200000">
            <a:off x="4699718" y="3926553"/>
            <a:ext cx="3530251" cy="396075"/>
          </a:xfrm>
          <a:custGeom>
            <a:avLst/>
            <a:gdLst>
              <a:gd name="connsiteX0" fmla="*/ 0 w 3530251"/>
              <a:gd name="connsiteY0" fmla="*/ 0 h 396075"/>
              <a:gd name="connsiteX1" fmla="*/ 3530251 w 3530251"/>
              <a:gd name="connsiteY1" fmla="*/ 0 h 396075"/>
              <a:gd name="connsiteX2" fmla="*/ 3530251 w 3530251"/>
              <a:gd name="connsiteY2" fmla="*/ 396075 h 396075"/>
              <a:gd name="connsiteX3" fmla="*/ 0 w 3530251"/>
              <a:gd name="connsiteY3" fmla="*/ 396075 h 396075"/>
              <a:gd name="connsiteX4" fmla="*/ 0 w 3530251"/>
              <a:gd name="connsiteY4" fmla="*/ 0 h 396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530251" h="396075">
                <a:moveTo>
                  <a:pt x="0" y="0"/>
                </a:moveTo>
                <a:lnTo>
                  <a:pt x="3530251" y="0"/>
                </a:lnTo>
                <a:lnTo>
                  <a:pt x="3530251" y="396075"/>
                </a:lnTo>
                <a:lnTo>
                  <a:pt x="0" y="396075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-2" tIns="-1" rIns="349317" bIns="0" numCol="1" spcCol="1270" anchor="t" anchorCtr="0">
            <a:noAutofit/>
          </a:bodyPr>
          <a:lstStyle/>
          <a:p>
            <a:pPr lvl="0" algn="r" defTabSz="12446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800" kern="120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2</a:t>
            </a:fld>
            <a:endParaRPr lang="en-US"/>
          </a:p>
        </p:txBody>
      </p:sp>
      <p:sp>
        <p:nvSpPr>
          <p:cNvPr id="23" name="Freeform 22"/>
          <p:cNvSpPr/>
          <p:nvPr/>
        </p:nvSpPr>
        <p:spPr>
          <a:xfrm rot="16200000">
            <a:off x="-982066" y="3014306"/>
            <a:ext cx="4056066" cy="770652"/>
          </a:xfrm>
          <a:custGeom>
            <a:avLst/>
            <a:gdLst>
              <a:gd name="connsiteX0" fmla="*/ 0 w 4056066"/>
              <a:gd name="connsiteY0" fmla="*/ 0 h 770652"/>
              <a:gd name="connsiteX1" fmla="*/ 4056066 w 4056066"/>
              <a:gd name="connsiteY1" fmla="*/ 0 h 770652"/>
              <a:gd name="connsiteX2" fmla="*/ 4056066 w 4056066"/>
              <a:gd name="connsiteY2" fmla="*/ 770652 h 770652"/>
              <a:gd name="connsiteX3" fmla="*/ 0 w 4056066"/>
              <a:gd name="connsiteY3" fmla="*/ 770652 h 770652"/>
              <a:gd name="connsiteX4" fmla="*/ 0 w 4056066"/>
              <a:gd name="connsiteY4" fmla="*/ 0 h 770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056066" h="770652">
                <a:moveTo>
                  <a:pt x="0" y="0"/>
                </a:moveTo>
                <a:lnTo>
                  <a:pt x="4056066" y="0"/>
                </a:lnTo>
                <a:lnTo>
                  <a:pt x="4056066" y="770652"/>
                </a:lnTo>
                <a:lnTo>
                  <a:pt x="0" y="770652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spcFirstLastPara="0" vert="horz" wrap="square" lIns="17779" tIns="17780" rIns="17780" bIns="17780" numCol="1" spcCol="1270" anchor="ctr" anchorCtr="0">
            <a:noAutofit/>
          </a:bodyPr>
          <a:lstStyle/>
          <a:p>
            <a:pPr lvl="0" algn="ctr" defTabSz="12446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800" kern="1200" dirty="0" smtClean="0">
                <a:solidFill>
                  <a:schemeClr val="tx1"/>
                </a:solidFill>
              </a:rPr>
              <a:t>Ace Consulting Services</a:t>
            </a:r>
            <a:endParaRPr lang="en-US" sz="2800" kern="1200" dirty="0">
              <a:solidFill>
                <a:schemeClr val="tx1"/>
              </a:solidFill>
            </a:endParaRPr>
          </a:p>
        </p:txBody>
      </p:sp>
      <p:sp>
        <p:nvSpPr>
          <p:cNvPr id="24" name="Freeform 23"/>
          <p:cNvSpPr/>
          <p:nvPr/>
        </p:nvSpPr>
        <p:spPr>
          <a:xfrm>
            <a:off x="2362210" y="1752600"/>
            <a:ext cx="5738426" cy="770652"/>
          </a:xfrm>
          <a:custGeom>
            <a:avLst/>
            <a:gdLst>
              <a:gd name="connsiteX0" fmla="*/ 0 w 5738426"/>
              <a:gd name="connsiteY0" fmla="*/ 0 h 770652"/>
              <a:gd name="connsiteX1" fmla="*/ 5738426 w 5738426"/>
              <a:gd name="connsiteY1" fmla="*/ 0 h 770652"/>
              <a:gd name="connsiteX2" fmla="*/ 5738426 w 5738426"/>
              <a:gd name="connsiteY2" fmla="*/ 770652 h 770652"/>
              <a:gd name="connsiteX3" fmla="*/ 0 w 5738426"/>
              <a:gd name="connsiteY3" fmla="*/ 770652 h 770652"/>
              <a:gd name="connsiteX4" fmla="*/ 0 w 5738426"/>
              <a:gd name="connsiteY4" fmla="*/ 0 h 770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738426" h="770652">
                <a:moveTo>
                  <a:pt x="0" y="0"/>
                </a:moveTo>
                <a:lnTo>
                  <a:pt x="5738426" y="0"/>
                </a:lnTo>
                <a:lnTo>
                  <a:pt x="5738426" y="770652"/>
                </a:lnTo>
                <a:lnTo>
                  <a:pt x="0" y="770652"/>
                </a:ln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160" tIns="10160" rIns="10160" bIns="10160" numCol="1" spcCol="1270" anchor="ctr" anchorCtr="0">
            <a:noAutofit/>
          </a:bodyPr>
          <a:lstStyle/>
          <a:p>
            <a:pPr lvl="0" algn="just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b="0" i="0" kern="1200" dirty="0" smtClean="0"/>
              <a:t>Founded in 1989, we are one of the world’s leading organizations specializing in management consulting, technology and outsourcing services</a:t>
            </a:r>
            <a:endParaRPr lang="en-US" sz="1600" kern="1200" dirty="0"/>
          </a:p>
        </p:txBody>
      </p:sp>
      <p:sp>
        <p:nvSpPr>
          <p:cNvPr id="25" name="Freeform 24"/>
          <p:cNvSpPr/>
          <p:nvPr/>
        </p:nvSpPr>
        <p:spPr>
          <a:xfrm>
            <a:off x="2362210" y="2971803"/>
            <a:ext cx="5738426" cy="770652"/>
          </a:xfrm>
          <a:custGeom>
            <a:avLst/>
            <a:gdLst>
              <a:gd name="connsiteX0" fmla="*/ 0 w 5738426"/>
              <a:gd name="connsiteY0" fmla="*/ 0 h 770652"/>
              <a:gd name="connsiteX1" fmla="*/ 5738426 w 5738426"/>
              <a:gd name="connsiteY1" fmla="*/ 0 h 770652"/>
              <a:gd name="connsiteX2" fmla="*/ 5738426 w 5738426"/>
              <a:gd name="connsiteY2" fmla="*/ 770652 h 770652"/>
              <a:gd name="connsiteX3" fmla="*/ 0 w 5738426"/>
              <a:gd name="connsiteY3" fmla="*/ 770652 h 770652"/>
              <a:gd name="connsiteX4" fmla="*/ 0 w 5738426"/>
              <a:gd name="connsiteY4" fmla="*/ 0 h 770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738426" h="770652">
                <a:moveTo>
                  <a:pt x="0" y="0"/>
                </a:moveTo>
                <a:lnTo>
                  <a:pt x="5738426" y="0"/>
                </a:lnTo>
                <a:lnTo>
                  <a:pt x="5738426" y="770652"/>
                </a:lnTo>
                <a:lnTo>
                  <a:pt x="0" y="770652"/>
                </a:ln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160" tIns="10160" rIns="10160" bIns="10160" numCol="1" spcCol="1270" anchor="ctr" anchorCtr="0">
            <a:noAutofit/>
          </a:bodyPr>
          <a:lstStyle/>
          <a:p>
            <a:pPr lvl="0" algn="just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dirty="0" smtClean="0"/>
              <a:t>A US$ 30 billion Fortune Global 500 company</a:t>
            </a:r>
            <a:r>
              <a:rPr lang="en-US" sz="1600" kern="1200" smtClean="0"/>
              <a:t>, we operate </a:t>
            </a:r>
            <a:r>
              <a:rPr lang="en-US" sz="1600" kern="1200" dirty="0" smtClean="0"/>
              <a:t>in more than 200 cities in 56 countries  </a:t>
            </a:r>
            <a:endParaRPr lang="en-US" sz="1600" kern="1200" dirty="0"/>
          </a:p>
        </p:txBody>
      </p:sp>
      <p:sp>
        <p:nvSpPr>
          <p:cNvPr id="26" name="Freeform 25"/>
          <p:cNvSpPr/>
          <p:nvPr/>
        </p:nvSpPr>
        <p:spPr>
          <a:xfrm>
            <a:off x="2362210" y="4267201"/>
            <a:ext cx="5738426" cy="770652"/>
          </a:xfrm>
          <a:custGeom>
            <a:avLst/>
            <a:gdLst>
              <a:gd name="connsiteX0" fmla="*/ 0 w 5738426"/>
              <a:gd name="connsiteY0" fmla="*/ 0 h 770652"/>
              <a:gd name="connsiteX1" fmla="*/ 5738426 w 5738426"/>
              <a:gd name="connsiteY1" fmla="*/ 0 h 770652"/>
              <a:gd name="connsiteX2" fmla="*/ 5738426 w 5738426"/>
              <a:gd name="connsiteY2" fmla="*/ 770652 h 770652"/>
              <a:gd name="connsiteX3" fmla="*/ 0 w 5738426"/>
              <a:gd name="connsiteY3" fmla="*/ 770652 h 770652"/>
              <a:gd name="connsiteX4" fmla="*/ 0 w 5738426"/>
              <a:gd name="connsiteY4" fmla="*/ 0 h 770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738426" h="770652">
                <a:moveTo>
                  <a:pt x="0" y="0"/>
                </a:moveTo>
                <a:lnTo>
                  <a:pt x="5738426" y="0"/>
                </a:lnTo>
                <a:lnTo>
                  <a:pt x="5738426" y="770652"/>
                </a:lnTo>
                <a:lnTo>
                  <a:pt x="0" y="770652"/>
                </a:lnTo>
                <a:lnTo>
                  <a:pt x="0" y="0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160" tIns="10160" rIns="10160" bIns="10160" numCol="1" spcCol="1270" anchor="ctr" anchorCtr="0">
            <a:noAutofit/>
          </a:bodyPr>
          <a:lstStyle/>
          <a:p>
            <a:pPr lvl="0" algn="just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600" kern="1200" dirty="0" smtClean="0"/>
              <a:t>With a strong work force of 319,000, our current clients include 79 Fortune Global 100 and around three-quarters of the Fortune Global 500</a:t>
            </a:r>
            <a:endParaRPr lang="en-US" sz="1600" kern="1200" dirty="0"/>
          </a:p>
        </p:txBody>
      </p:sp>
      <p:sp>
        <p:nvSpPr>
          <p:cNvPr id="27" name="Right Arrow 26"/>
          <p:cNvSpPr/>
          <p:nvPr/>
        </p:nvSpPr>
        <p:spPr>
          <a:xfrm>
            <a:off x="1676400" y="1981200"/>
            <a:ext cx="381000" cy="3048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ight Arrow 27"/>
          <p:cNvSpPr/>
          <p:nvPr/>
        </p:nvSpPr>
        <p:spPr>
          <a:xfrm>
            <a:off x="1700645" y="3204729"/>
            <a:ext cx="381000" cy="3048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Right Arrow 28"/>
          <p:cNvSpPr/>
          <p:nvPr/>
        </p:nvSpPr>
        <p:spPr>
          <a:xfrm>
            <a:off x="1700645" y="4500127"/>
            <a:ext cx="381000" cy="3048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152782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00"/>
                            </p:stCondLst>
                            <p:childTnLst>
                              <p:par>
                                <p:cTn id="1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2500"/>
                            </p:stCondLst>
                            <p:childTnLst>
                              <p:par>
                                <p:cTn id="23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5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4000"/>
                            </p:stCondLst>
                            <p:childTnLst>
                              <p:par>
                                <p:cTn id="33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  <p:bldP spid="25" grpId="0" animBg="1"/>
      <p:bldP spid="26" grpId="0" animBg="1"/>
      <p:bldP spid="27" grpId="0" animBg="1"/>
      <p:bldP spid="28" grpId="0" animBg="1"/>
      <p:bldP spid="29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 smtClean="0"/>
              <a:t>How much ACS knows about you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94191345"/>
              </p:ext>
            </p:extLst>
          </p:nvPr>
        </p:nvGraphicFramePr>
        <p:xfrm>
          <a:off x="4267200" y="2166957"/>
          <a:ext cx="4724400" cy="33829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3</a:t>
            </a:fld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381000" y="2133600"/>
            <a:ext cx="411480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5</a:t>
            </a:r>
            <a:r>
              <a:rPr lang="en-US" baseline="30000" dirty="0" smtClean="0"/>
              <a:t>th</a:t>
            </a:r>
            <a:r>
              <a:rPr lang="en-US" dirty="0" smtClean="0"/>
              <a:t> largest wholesaler in US healthcare servic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nnual sales : USD 5.5 bill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ustomers : Pharmaceutical retailers , independent pharmacies &amp; dispensarie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</a:t>
            </a:r>
            <a:r>
              <a:rPr lang="en-US" dirty="0" smtClean="0"/>
              <a:t>aily shipments : approx. 420,000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25 nation wide distribution cent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17 self-warehousing facilit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T infrastructure in process : Legac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441458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1000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AsOne/>
      </p:bldGraphic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202" name="OTLSHAPE_T_78c8a42e6b2b4c27859a589c98961acb_RightVerticalConnector1"/>
          <p:cNvCxnSpPr/>
          <p:nvPr>
            <p:custDataLst>
              <p:tags r:id="rId2"/>
            </p:custDataLst>
          </p:nvPr>
        </p:nvCxnSpPr>
        <p:spPr>
          <a:xfrm flipV="1">
            <a:off x="8386826" y="2743200"/>
            <a:ext cx="0" cy="145592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T_78c8a42e6b2b4c27859a589c98961acb_LeftVerticalConnector3"/>
          <p:cNvCxnSpPr/>
          <p:nvPr>
            <p:custDataLst>
              <p:tags r:id="rId3"/>
            </p:custDataLst>
          </p:nvPr>
        </p:nvCxnSpPr>
        <p:spPr>
          <a:xfrm>
            <a:off x="7057418" y="4139248"/>
            <a:ext cx="0" cy="1360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0" name="OTLSHAPE_T_78c8a42e6b2b4c27859a589c98961acb_LeftVerticalConnector2"/>
          <p:cNvCxnSpPr/>
          <p:nvPr>
            <p:custDataLst>
              <p:tags r:id="rId4"/>
            </p:custDataLst>
          </p:nvPr>
        </p:nvCxnSpPr>
        <p:spPr>
          <a:xfrm>
            <a:off x="7057418" y="3951478"/>
            <a:ext cx="0" cy="47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9" name="OTLSHAPE_T_78c8a42e6b2b4c27859a589c98961acb_LeftVerticalConnector1"/>
          <p:cNvCxnSpPr/>
          <p:nvPr>
            <p:custDataLst>
              <p:tags r:id="rId5"/>
            </p:custDataLst>
          </p:nvPr>
        </p:nvCxnSpPr>
        <p:spPr>
          <a:xfrm>
            <a:off x="7057418" y="2743200"/>
            <a:ext cx="0" cy="10558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8" name="OTLSHAPE_T_3469cbcf9e4949e2bd33d168c16e9b68_RightVerticalConnector1"/>
          <p:cNvCxnSpPr/>
          <p:nvPr>
            <p:custDataLst>
              <p:tags r:id="rId6"/>
            </p:custDataLst>
          </p:nvPr>
        </p:nvCxnSpPr>
        <p:spPr>
          <a:xfrm>
            <a:off x="7462020" y="2743200"/>
            <a:ext cx="0" cy="10558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7" name="OTLSHAPE_T_3469cbcf9e4949e2bd33d168c16e9b68_LeftVerticalConnector3"/>
          <p:cNvCxnSpPr/>
          <p:nvPr>
            <p:custDataLst>
              <p:tags r:id="rId7"/>
            </p:custDataLst>
          </p:nvPr>
        </p:nvCxnSpPr>
        <p:spPr>
          <a:xfrm>
            <a:off x="5785808" y="3951478"/>
            <a:ext cx="0" cy="1238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6" name="OTLSHAPE_T_3469cbcf9e4949e2bd33d168c16e9b68_LeftVerticalConnector1"/>
          <p:cNvCxnSpPr/>
          <p:nvPr>
            <p:custDataLst>
              <p:tags r:id="rId8"/>
            </p:custDataLst>
          </p:nvPr>
        </p:nvCxnSpPr>
        <p:spPr>
          <a:xfrm>
            <a:off x="5785808" y="2743200"/>
            <a:ext cx="0" cy="8558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4" name="OTLSHAPE_T_35d7b8749fbd4746bed0163aaaa924ad_LeftVerticalConnector4"/>
          <p:cNvCxnSpPr/>
          <p:nvPr>
            <p:custDataLst>
              <p:tags r:id="rId9"/>
            </p:custDataLst>
          </p:nvPr>
        </p:nvCxnSpPr>
        <p:spPr>
          <a:xfrm>
            <a:off x="2028783" y="3751453"/>
            <a:ext cx="0" cy="1238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3" name="OTLSHAPE_T_35d7b8749fbd4746bed0163aaaa924ad_LeftVerticalConnector3"/>
          <p:cNvCxnSpPr/>
          <p:nvPr>
            <p:custDataLst>
              <p:tags r:id="rId10"/>
            </p:custDataLst>
          </p:nvPr>
        </p:nvCxnSpPr>
        <p:spPr>
          <a:xfrm>
            <a:off x="2028783" y="3551428"/>
            <a:ext cx="0" cy="47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2" name="OTLSHAPE_T_35d7b8749fbd4746bed0163aaaa924ad_LeftVerticalConnector2"/>
          <p:cNvCxnSpPr/>
          <p:nvPr>
            <p:custDataLst>
              <p:tags r:id="rId11"/>
            </p:custDataLst>
          </p:nvPr>
        </p:nvCxnSpPr>
        <p:spPr>
          <a:xfrm>
            <a:off x="2028783" y="3351403"/>
            <a:ext cx="0" cy="47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1" name="OTLSHAPE_T_35d7b8749fbd4746bed0163aaaa924ad_LeftVerticalConnector1"/>
          <p:cNvCxnSpPr/>
          <p:nvPr>
            <p:custDataLst>
              <p:tags r:id="rId12"/>
            </p:custDataLst>
          </p:nvPr>
        </p:nvCxnSpPr>
        <p:spPr>
          <a:xfrm>
            <a:off x="2028783" y="2743200"/>
            <a:ext cx="0" cy="4558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0" name="OTLSHAPE_T_bebaa61994fa4fcbb2bef9ac2e3738b0_RightVerticalConnector1"/>
          <p:cNvCxnSpPr/>
          <p:nvPr>
            <p:custDataLst>
              <p:tags r:id="rId13"/>
            </p:custDataLst>
          </p:nvPr>
        </p:nvCxnSpPr>
        <p:spPr>
          <a:xfrm flipV="1">
            <a:off x="5843609" y="2743200"/>
            <a:ext cx="0" cy="8558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9" name="OTLSHAPE_T_bebaa61994fa4fcbb2bef9ac2e3738b0_LeftVerticalConnector4"/>
          <p:cNvCxnSpPr/>
          <p:nvPr>
            <p:custDataLst>
              <p:tags r:id="rId14"/>
            </p:custDataLst>
          </p:nvPr>
        </p:nvCxnSpPr>
        <p:spPr>
          <a:xfrm>
            <a:off x="1277378" y="3539173"/>
            <a:ext cx="0" cy="1360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8" name="OTLSHAPE_T_bebaa61994fa4fcbb2bef9ac2e3738b0_LeftVerticalConnector2"/>
          <p:cNvCxnSpPr/>
          <p:nvPr>
            <p:custDataLst>
              <p:tags r:id="rId15"/>
            </p:custDataLst>
          </p:nvPr>
        </p:nvCxnSpPr>
        <p:spPr>
          <a:xfrm>
            <a:off x="1277378" y="3151378"/>
            <a:ext cx="0" cy="47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7" name="OTLSHAPE_T_bebaa61994fa4fcbb2bef9ac2e3738b0_LeftVerticalConnector1"/>
          <p:cNvCxnSpPr/>
          <p:nvPr>
            <p:custDataLst>
              <p:tags r:id="rId16"/>
            </p:custDataLst>
          </p:nvPr>
        </p:nvCxnSpPr>
        <p:spPr>
          <a:xfrm>
            <a:off x="1277378" y="2743200"/>
            <a:ext cx="0" cy="152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6" name="OTLSHAPE_T_f987025c8ba74a0ca355d9b9677de6ea_RightVerticalConnector2"/>
          <p:cNvCxnSpPr/>
          <p:nvPr>
            <p:custDataLst>
              <p:tags r:id="rId17"/>
            </p:custDataLst>
          </p:nvPr>
        </p:nvCxnSpPr>
        <p:spPr>
          <a:xfrm>
            <a:off x="2086583" y="3351403"/>
            <a:ext cx="0" cy="47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5" name="OTLSHAPE_T_f987025c8ba74a0ca355d9b9677de6ea_RightVerticalConnector1"/>
          <p:cNvCxnSpPr/>
          <p:nvPr>
            <p:custDataLst>
              <p:tags r:id="rId18"/>
            </p:custDataLst>
          </p:nvPr>
        </p:nvCxnSpPr>
        <p:spPr>
          <a:xfrm>
            <a:off x="2086583" y="2743200"/>
            <a:ext cx="0" cy="4558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4" name="OTLSHAPE_T_f987025c8ba74a0ca355d9b9677de6ea_LeftVerticalConnector2"/>
          <p:cNvCxnSpPr/>
          <p:nvPr>
            <p:custDataLst>
              <p:tags r:id="rId19"/>
            </p:custDataLst>
          </p:nvPr>
        </p:nvCxnSpPr>
        <p:spPr>
          <a:xfrm>
            <a:off x="814975" y="3151378"/>
            <a:ext cx="0" cy="3238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3" name="OTLSHAPE_T_f987025c8ba74a0ca355d9b9677de6ea_LeftVerticalConnector1"/>
          <p:cNvCxnSpPr/>
          <p:nvPr>
            <p:custDataLst>
              <p:tags r:id="rId20"/>
            </p:custDataLst>
          </p:nvPr>
        </p:nvCxnSpPr>
        <p:spPr>
          <a:xfrm>
            <a:off x="814975" y="2743200"/>
            <a:ext cx="0" cy="152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2" name="OTLSHAPE_T_c0dbd6c5fb6341b5ad5fb70edd023d93_RightVerticalConnector1"/>
          <p:cNvCxnSpPr/>
          <p:nvPr>
            <p:custDataLst>
              <p:tags r:id="rId21"/>
            </p:custDataLst>
          </p:nvPr>
        </p:nvCxnSpPr>
        <p:spPr>
          <a:xfrm flipV="1">
            <a:off x="3358192" y="2743200"/>
            <a:ext cx="0" cy="4558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9" name="OTLSHAPE_T_cf8ba53047dd42f7b65fff01191a18a8_RightVerticalConnector1"/>
          <p:cNvCxnSpPr/>
          <p:nvPr>
            <p:custDataLst>
              <p:tags r:id="rId22"/>
            </p:custDataLst>
          </p:nvPr>
        </p:nvCxnSpPr>
        <p:spPr>
          <a:xfrm flipV="1">
            <a:off x="1681980" y="2743200"/>
            <a:ext cx="0" cy="152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7" name="OTLSHAPE_M_458d1a4a55eb428f844f880d37f1cf99_Connector1"/>
          <p:cNvCxnSpPr/>
          <p:nvPr>
            <p:custDataLst>
              <p:tags r:id="rId23"/>
            </p:custDataLst>
          </p:nvPr>
        </p:nvCxnSpPr>
        <p:spPr>
          <a:xfrm>
            <a:off x="7462020" y="1965643"/>
            <a:ext cx="0" cy="44418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6" name="OTLSHAPE_M_2a05414e925e44bfb4f174e3bda89e02_Connector2"/>
          <p:cNvCxnSpPr/>
          <p:nvPr>
            <p:custDataLst>
              <p:tags r:id="rId24"/>
            </p:custDataLst>
          </p:nvPr>
        </p:nvCxnSpPr>
        <p:spPr>
          <a:xfrm>
            <a:off x="1681980" y="2160207"/>
            <a:ext cx="0" cy="249619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5" name="OTLSHAPE_M_2a05414e925e44bfb4f174e3bda89e02_Connector1"/>
          <p:cNvCxnSpPr/>
          <p:nvPr>
            <p:custDataLst>
              <p:tags r:id="rId25"/>
            </p:custDataLst>
          </p:nvPr>
        </p:nvCxnSpPr>
        <p:spPr>
          <a:xfrm>
            <a:off x="1681980" y="1965643"/>
            <a:ext cx="0" cy="6667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46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190500" y="2496451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b="1" spc="-28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147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8605901" y="2496451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b="1" spc="-28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148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633349" y="2457450"/>
            <a:ext cx="7886700" cy="28575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B2B2B2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149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8572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150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716353" y="2743200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151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757174" y="2838450"/>
            <a:ext cx="0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152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804799" y="2530555"/>
            <a:ext cx="258477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1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cxnSp>
        <p:nvCxnSpPr>
          <p:cNvPr id="3153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1392978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4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1440604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12</a:t>
            </a:r>
          </a:p>
        </p:txBody>
      </p:sp>
      <p:cxnSp>
        <p:nvCxnSpPr>
          <p:cNvPr id="3155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028782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2076409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23</a:t>
            </a:r>
          </a:p>
        </p:txBody>
      </p:sp>
      <p:cxnSp>
        <p:nvCxnSpPr>
          <p:cNvPr id="3157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2664587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8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2712213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34</a:t>
            </a:r>
          </a:p>
        </p:txBody>
      </p:sp>
      <p:cxnSp>
        <p:nvCxnSpPr>
          <p:cNvPr id="3159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3300391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0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3348018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45</a:t>
            </a:r>
          </a:p>
        </p:txBody>
      </p:sp>
      <p:cxnSp>
        <p:nvCxnSpPr>
          <p:cNvPr id="3161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3936195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2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3983822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56</a:t>
            </a:r>
          </a:p>
        </p:txBody>
      </p:sp>
      <p:cxnSp>
        <p:nvCxnSpPr>
          <p:cNvPr id="3163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4572000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4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4619626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67</a:t>
            </a:r>
          </a:p>
        </p:txBody>
      </p:sp>
      <p:cxnSp>
        <p:nvCxnSpPr>
          <p:cNvPr id="3165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5207804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6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5255431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78</a:t>
            </a:r>
          </a:p>
        </p:txBody>
      </p:sp>
      <p:cxnSp>
        <p:nvCxnSpPr>
          <p:cNvPr id="3167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5843609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8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5891235" y="2530555"/>
            <a:ext cx="115888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Calibri" panose="020F0502020204030204" pitchFamily="34" charset="0"/>
              </a:rPr>
              <a:t>89</a:t>
            </a:r>
          </a:p>
        </p:txBody>
      </p:sp>
      <p:cxnSp>
        <p:nvCxnSpPr>
          <p:cNvPr id="3169" name="OTLSHAPE_TB_00000000000000000000000000000000_Separator9"/>
          <p:cNvCxnSpPr/>
          <p:nvPr>
            <p:custDataLst>
              <p:tags r:id="rId49"/>
            </p:custDataLst>
          </p:nvPr>
        </p:nvCxnSpPr>
        <p:spPr>
          <a:xfrm>
            <a:off x="6479413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0" name="OTLSHAPE_TB_00000000000000000000000000000000_TimescaleInterval10"/>
          <p:cNvSpPr txBox="1"/>
          <p:nvPr>
            <p:custDataLst>
              <p:tags r:id="rId50"/>
            </p:custDataLst>
          </p:nvPr>
        </p:nvSpPr>
        <p:spPr>
          <a:xfrm>
            <a:off x="6527040" y="2530555"/>
            <a:ext cx="173831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7">
                <a:solidFill>
                  <a:schemeClr val="dk1"/>
                </a:solidFill>
                <a:latin typeface="Calibri" panose="020F0502020204030204" pitchFamily="34" charset="0"/>
              </a:rPr>
              <a:t>100</a:t>
            </a:r>
          </a:p>
        </p:txBody>
      </p:sp>
      <p:cxnSp>
        <p:nvCxnSpPr>
          <p:cNvPr id="3171" name="OTLSHAPE_TB_00000000000000000000000000000000_Separator10"/>
          <p:cNvCxnSpPr/>
          <p:nvPr>
            <p:custDataLst>
              <p:tags r:id="rId51"/>
            </p:custDataLst>
          </p:nvPr>
        </p:nvCxnSpPr>
        <p:spPr>
          <a:xfrm>
            <a:off x="7115218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2" name="OTLSHAPE_TB_00000000000000000000000000000000_TimescaleInterval11"/>
          <p:cNvSpPr txBox="1"/>
          <p:nvPr>
            <p:custDataLst>
              <p:tags r:id="rId52"/>
            </p:custDataLst>
          </p:nvPr>
        </p:nvSpPr>
        <p:spPr>
          <a:xfrm>
            <a:off x="7162844" y="2530555"/>
            <a:ext cx="173831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7">
                <a:solidFill>
                  <a:schemeClr val="dk1"/>
                </a:solidFill>
                <a:latin typeface="Calibri" panose="020F0502020204030204" pitchFamily="34" charset="0"/>
              </a:rPr>
              <a:t>111</a:t>
            </a:r>
          </a:p>
        </p:txBody>
      </p:sp>
      <p:cxnSp>
        <p:nvCxnSpPr>
          <p:cNvPr id="3173" name="OTLSHAPE_TB_00000000000000000000000000000000_Separator11"/>
          <p:cNvCxnSpPr/>
          <p:nvPr>
            <p:custDataLst>
              <p:tags r:id="rId53"/>
            </p:custDataLst>
          </p:nvPr>
        </p:nvCxnSpPr>
        <p:spPr>
          <a:xfrm>
            <a:off x="7751022" y="2505075"/>
            <a:ext cx="0" cy="1905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4" name="OTLSHAPE_TB_00000000000000000000000000000000_TimescaleInterval12"/>
          <p:cNvSpPr txBox="1"/>
          <p:nvPr>
            <p:custDataLst>
              <p:tags r:id="rId54"/>
            </p:custDataLst>
          </p:nvPr>
        </p:nvSpPr>
        <p:spPr>
          <a:xfrm>
            <a:off x="7798648" y="2530555"/>
            <a:ext cx="173831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17">
                <a:solidFill>
                  <a:schemeClr val="dk1"/>
                </a:solidFill>
                <a:latin typeface="Calibri" panose="020F0502020204030204" pitchFamily="34" charset="0"/>
              </a:rPr>
              <a:t>122</a:t>
            </a:r>
          </a:p>
        </p:txBody>
      </p:sp>
      <p:cxnSp>
        <p:nvCxnSpPr>
          <p:cNvPr id="3178" name="OTLSHAPE_T_cf8ba53047dd42f7b65fff01191a18a8_LeftVerticalConnector1" hidden="1"/>
          <p:cNvCxnSpPr/>
          <p:nvPr>
            <p:custDataLst>
              <p:tags r:id="rId55"/>
            </p:custDataLst>
          </p:nvPr>
        </p:nvCxnSpPr>
        <p:spPr>
          <a:xfrm flipV="1">
            <a:off x="814975" y="2743201"/>
            <a:ext cx="0" cy="28028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0" name="OTLSHAPE_T_c0dbd6c5fb6341b5ad5fb70edd023d93_LeftVerticalConnector1" hidden="1"/>
          <p:cNvCxnSpPr/>
          <p:nvPr>
            <p:custDataLst>
              <p:tags r:id="rId56"/>
            </p:custDataLst>
          </p:nvPr>
        </p:nvCxnSpPr>
        <p:spPr>
          <a:xfrm>
            <a:off x="1277378" y="2743200"/>
            <a:ext cx="0" cy="152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1" name="OTLSHAPE_T_c0dbd6c5fb6341b5ad5fb70edd023d93_LeftVerticalConnector2" hidden="1"/>
          <p:cNvCxnSpPr/>
          <p:nvPr>
            <p:custDataLst>
              <p:tags r:id="rId57"/>
            </p:custDataLst>
          </p:nvPr>
        </p:nvCxnSpPr>
        <p:spPr>
          <a:xfrm>
            <a:off x="1277378" y="3151378"/>
            <a:ext cx="0" cy="1238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5" name="OTLSHAPE_T_35d7b8749fbd4746bed0163aaaa924ad_RightVerticalConnector1" hidden="1"/>
          <p:cNvCxnSpPr/>
          <p:nvPr>
            <p:custDataLst>
              <p:tags r:id="rId58"/>
            </p:custDataLst>
          </p:nvPr>
        </p:nvCxnSpPr>
        <p:spPr>
          <a:xfrm flipV="1">
            <a:off x="7462020" y="2743200"/>
            <a:ext cx="0" cy="10558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03" name="OTLSHAPE_M_d28273054cc9420dadae9f716b049529_Title"/>
          <p:cNvSpPr txBox="1"/>
          <p:nvPr>
            <p:custDataLst>
              <p:tags r:id="rId59"/>
            </p:custDataLst>
          </p:nvPr>
        </p:nvSpPr>
        <p:spPr>
          <a:xfrm>
            <a:off x="434689" y="2032784"/>
            <a:ext cx="7524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>
                <a:solidFill>
                  <a:schemeClr val="dk1"/>
                </a:solidFill>
                <a:latin typeface="Calibri" panose="020F0502020204030204" pitchFamily="34" charset="0"/>
              </a:rPr>
              <a:t>Project start date</a:t>
            </a:r>
          </a:p>
        </p:txBody>
      </p:sp>
      <p:sp>
        <p:nvSpPr>
          <p:cNvPr id="3204" name="OTLSHAPE_M_d28273054cc9420dadae9f716b049529_Date"/>
          <p:cNvSpPr txBox="1"/>
          <p:nvPr>
            <p:custDataLst>
              <p:tags r:id="rId60"/>
            </p:custDataLst>
          </p:nvPr>
        </p:nvSpPr>
        <p:spPr>
          <a:xfrm>
            <a:off x="705405" y="2179682"/>
            <a:ext cx="2190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8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3205" name="OTLSHAPE_M_d28273054cc9420dadae9f716b049529_Shape"/>
          <p:cNvSpPr/>
          <p:nvPr>
            <p:custDataLst>
              <p:tags r:id="rId61"/>
            </p:custDataLst>
          </p:nvPr>
        </p:nvSpPr>
        <p:spPr>
          <a:xfrm>
            <a:off x="729250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06" name="OTLSHAPE_M_2a05414e925e44bfb4f174e3bda89e02_Title"/>
          <p:cNvSpPr txBox="1"/>
          <p:nvPr>
            <p:custDataLst>
              <p:tags r:id="rId62"/>
            </p:custDataLst>
          </p:nvPr>
        </p:nvSpPr>
        <p:spPr>
          <a:xfrm>
            <a:off x="1160630" y="1683851"/>
            <a:ext cx="10382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>
                <a:solidFill>
                  <a:schemeClr val="dk1"/>
                </a:solidFill>
                <a:latin typeface="Calibri" panose="020F0502020204030204" pitchFamily="34" charset="0"/>
              </a:rPr>
              <a:t>SRS Review and Finalize</a:t>
            </a:r>
          </a:p>
        </p:txBody>
      </p:sp>
      <p:sp>
        <p:nvSpPr>
          <p:cNvPr id="3207" name="OTLSHAPE_M_2a05414e925e44bfb4f174e3bda89e02_Date"/>
          <p:cNvSpPr txBox="1"/>
          <p:nvPr>
            <p:custDataLst>
              <p:tags r:id="rId63"/>
            </p:custDataLst>
          </p:nvPr>
        </p:nvSpPr>
        <p:spPr>
          <a:xfrm>
            <a:off x="1548266" y="1830750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16</a:t>
            </a:r>
          </a:p>
        </p:txBody>
      </p:sp>
      <p:sp>
        <p:nvSpPr>
          <p:cNvPr id="3208" name="OTLSHAPE_M_2a05414e925e44bfb4f174e3bda89e02_Shape"/>
          <p:cNvSpPr/>
          <p:nvPr>
            <p:custDataLst>
              <p:tags r:id="rId64"/>
            </p:custDataLst>
          </p:nvPr>
        </p:nvSpPr>
        <p:spPr>
          <a:xfrm>
            <a:off x="1596255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09" name="OTLSHAPE_M_925da488caf345988c0f548bb06cf2d1_Title"/>
          <p:cNvSpPr txBox="1"/>
          <p:nvPr>
            <p:custDataLst>
              <p:tags r:id="rId65"/>
            </p:custDataLst>
          </p:nvPr>
        </p:nvSpPr>
        <p:spPr>
          <a:xfrm>
            <a:off x="1341474" y="2032784"/>
            <a:ext cx="14859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>
                <a:solidFill>
                  <a:schemeClr val="dk1"/>
                </a:solidFill>
                <a:latin typeface="Calibri" panose="020F0502020204030204" pitchFamily="34" charset="0"/>
              </a:rPr>
              <a:t>Staffing requirements completion </a:t>
            </a:r>
          </a:p>
        </p:txBody>
      </p:sp>
      <p:sp>
        <p:nvSpPr>
          <p:cNvPr id="3210" name="OTLSHAPE_M_925da488caf345988c0f548bb06cf2d1_Date"/>
          <p:cNvSpPr txBox="1"/>
          <p:nvPr>
            <p:custDataLst>
              <p:tags r:id="rId66"/>
            </p:custDataLst>
          </p:nvPr>
        </p:nvSpPr>
        <p:spPr>
          <a:xfrm>
            <a:off x="1952868" y="2179682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23</a:t>
            </a:r>
          </a:p>
        </p:txBody>
      </p:sp>
      <p:sp>
        <p:nvSpPr>
          <p:cNvPr id="3211" name="OTLSHAPE_M_925da488caf345988c0f548bb06cf2d1_Shape"/>
          <p:cNvSpPr/>
          <p:nvPr>
            <p:custDataLst>
              <p:tags r:id="rId67"/>
            </p:custDataLst>
          </p:nvPr>
        </p:nvSpPr>
        <p:spPr>
          <a:xfrm>
            <a:off x="2000858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12" name="OTLSHAPE_M_7d28565511fa460aa91ed98b31cc0cfc_Title"/>
          <p:cNvSpPr txBox="1"/>
          <p:nvPr>
            <p:custDataLst>
              <p:tags r:id="rId68"/>
            </p:custDataLst>
          </p:nvPr>
        </p:nvSpPr>
        <p:spPr>
          <a:xfrm>
            <a:off x="3008466" y="2032784"/>
            <a:ext cx="6953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>
                <a:solidFill>
                  <a:schemeClr val="dk1"/>
                </a:solidFill>
                <a:latin typeface="Calibri" panose="020F0502020204030204" pitchFamily="34" charset="0"/>
              </a:rPr>
              <a:t>BPR completion</a:t>
            </a:r>
          </a:p>
        </p:txBody>
      </p:sp>
      <p:sp>
        <p:nvSpPr>
          <p:cNvPr id="3213" name="OTLSHAPE_M_7d28565511fa460aa91ed98b31cc0cfc_Date"/>
          <p:cNvSpPr txBox="1"/>
          <p:nvPr>
            <p:custDataLst>
              <p:tags r:id="rId69"/>
            </p:custDataLst>
          </p:nvPr>
        </p:nvSpPr>
        <p:spPr>
          <a:xfrm>
            <a:off x="3214238" y="2179682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3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3214" name="OTLSHAPE_M_7d28565511fa460aa91ed98b31cc0cfc_Shape"/>
          <p:cNvSpPr/>
          <p:nvPr>
            <p:custDataLst>
              <p:tags r:id="rId70"/>
            </p:custDataLst>
          </p:nvPr>
        </p:nvSpPr>
        <p:spPr>
          <a:xfrm>
            <a:off x="3272467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15" name="OTLSHAPE_M_fc81ba9a034f4fa7acc355178cdae4e1_Title"/>
          <p:cNvSpPr txBox="1"/>
          <p:nvPr>
            <p:custDataLst>
              <p:tags r:id="rId71"/>
            </p:custDataLst>
          </p:nvPr>
        </p:nvSpPr>
        <p:spPr>
          <a:xfrm>
            <a:off x="5124567" y="1905360"/>
            <a:ext cx="1428750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>
                <a:solidFill>
                  <a:schemeClr val="dk1"/>
                </a:solidFill>
                <a:latin typeface="Calibri" panose="020F0502020204030204" pitchFamily="34" charset="0"/>
              </a:rPr>
              <a:t>completion of Development and implemtation</a:t>
            </a:r>
          </a:p>
        </p:txBody>
      </p:sp>
      <p:sp>
        <p:nvSpPr>
          <p:cNvPr id="3216" name="OTLSHAPE_M_fc81ba9a034f4fa7acc355178cdae4e1_Date"/>
          <p:cNvSpPr txBox="1"/>
          <p:nvPr>
            <p:custDataLst>
              <p:tags r:id="rId72"/>
            </p:custDataLst>
          </p:nvPr>
        </p:nvSpPr>
        <p:spPr>
          <a:xfrm>
            <a:off x="5710609" y="2179682"/>
            <a:ext cx="257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3217" name="OTLSHAPE_M_fc81ba9a034f4fa7acc355178cdae4e1_Shape"/>
          <p:cNvSpPr/>
          <p:nvPr>
            <p:custDataLst>
              <p:tags r:id="rId73"/>
            </p:custDataLst>
          </p:nvPr>
        </p:nvSpPr>
        <p:spPr>
          <a:xfrm>
            <a:off x="5757884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18" name="OTLSHAPE_M_458d1a4a55eb428f844f880d37f1cf99_Title"/>
          <p:cNvSpPr txBox="1"/>
          <p:nvPr>
            <p:custDataLst>
              <p:tags r:id="rId74"/>
            </p:custDataLst>
          </p:nvPr>
        </p:nvSpPr>
        <p:spPr>
          <a:xfrm>
            <a:off x="6582831" y="1556427"/>
            <a:ext cx="1752600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>
                <a:solidFill>
                  <a:schemeClr val="dk1"/>
                </a:solidFill>
                <a:latin typeface="Calibri" panose="020F0502020204030204" pitchFamily="34" charset="0"/>
              </a:rPr>
              <a:t>completion of User Acceptance Testing /Project Hand-Off</a:t>
            </a:r>
          </a:p>
        </p:txBody>
      </p:sp>
      <p:sp>
        <p:nvSpPr>
          <p:cNvPr id="3219" name="OTLSHAPE_M_458d1a4a55eb428f844f880d37f1cf99_Date"/>
          <p:cNvSpPr txBox="1"/>
          <p:nvPr>
            <p:custDataLst>
              <p:tags r:id="rId75"/>
            </p:custDataLst>
          </p:nvPr>
        </p:nvSpPr>
        <p:spPr>
          <a:xfrm>
            <a:off x="7314002" y="1830750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3220" name="OTLSHAPE_M_458d1a4a55eb428f844f880d37f1cf99_Shape"/>
          <p:cNvSpPr/>
          <p:nvPr>
            <p:custDataLst>
              <p:tags r:id="rId76"/>
            </p:custDataLst>
          </p:nvPr>
        </p:nvSpPr>
        <p:spPr>
          <a:xfrm>
            <a:off x="7376295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21" name="OTLSHAPE_M_038b285729ae4cbea527be387b1c63c0_Title"/>
          <p:cNvSpPr txBox="1"/>
          <p:nvPr>
            <p:custDataLst>
              <p:tags r:id="rId77"/>
            </p:custDataLst>
          </p:nvPr>
        </p:nvSpPr>
        <p:spPr>
          <a:xfrm>
            <a:off x="7801658" y="2032784"/>
            <a:ext cx="11620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>
                <a:solidFill>
                  <a:schemeClr val="dk1"/>
                </a:solidFill>
                <a:latin typeface="Calibri" panose="020F0502020204030204" pitchFamily="34" charset="0"/>
              </a:rPr>
              <a:t>post implemantation audit</a:t>
            </a:r>
          </a:p>
        </p:txBody>
      </p:sp>
      <p:sp>
        <p:nvSpPr>
          <p:cNvPr id="3222" name="OTLSHAPE_M_038b285729ae4cbea527be387b1c63c0_Date"/>
          <p:cNvSpPr txBox="1"/>
          <p:nvPr>
            <p:custDataLst>
              <p:tags r:id="rId78"/>
            </p:custDataLst>
          </p:nvPr>
        </p:nvSpPr>
        <p:spPr>
          <a:xfrm>
            <a:off x="8257778" y="2179682"/>
            <a:ext cx="257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2"/>
                </a:solidFill>
                <a:latin typeface="Calibri" panose="020F0502020204030204" pitchFamily="34" charset="0"/>
              </a:rPr>
              <a:t>Jun 12</a:t>
            </a:r>
          </a:p>
        </p:txBody>
      </p:sp>
      <p:sp>
        <p:nvSpPr>
          <p:cNvPr id="3223" name="OTLSHAPE_M_038b285729ae4cbea527be387b1c63c0_Shape"/>
          <p:cNvSpPr/>
          <p:nvPr>
            <p:custDataLst>
              <p:tags r:id="rId79"/>
            </p:custDataLst>
          </p:nvPr>
        </p:nvSpPr>
        <p:spPr>
          <a:xfrm>
            <a:off x="8301101" y="2314575"/>
            <a:ext cx="171450" cy="1905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24" name="OTLSHAPE_T_cf8ba53047dd42f7b65fff01191a18a8_Shape"/>
          <p:cNvSpPr/>
          <p:nvPr>
            <p:custDataLst>
              <p:tags r:id="rId80"/>
            </p:custDataLst>
          </p:nvPr>
        </p:nvSpPr>
        <p:spPr>
          <a:xfrm>
            <a:off x="814975" y="2895600"/>
            <a:ext cx="876300" cy="255778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25" name="OTLSHAPE_T_cf8ba53047dd42f7b65fff01191a18a8_ShapePercentage" hidden="1"/>
          <p:cNvSpPr/>
          <p:nvPr>
            <p:custDataLst>
              <p:tags r:id="rId81"/>
            </p:custDataLst>
          </p:nvPr>
        </p:nvSpPr>
        <p:spPr>
          <a:xfrm>
            <a:off x="814975" y="28956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26" name="OTLSHAPE_T_cf8ba53047dd42f7b65fff01191a18a8_Duration" hidden="1"/>
          <p:cNvSpPr txBox="1"/>
          <p:nvPr>
            <p:custDataLst>
              <p:tags r:id="rId82"/>
            </p:custDataLst>
          </p:nvPr>
        </p:nvSpPr>
        <p:spPr>
          <a:xfrm>
            <a:off x="0" y="2896026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227" name="OTLSHAPE_T_cf8ba53047dd42f7b65fff01191a18a8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01186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28" name="OTLSHAPE_T_cf8ba53047dd42f7b65fff01191a18a8_JoinedDate" hidden="1"/>
          <p:cNvSpPr txBox="1"/>
          <p:nvPr>
            <p:custDataLst>
              <p:tags r:id="rId84"/>
            </p:custDataLst>
          </p:nvPr>
        </p:nvSpPr>
        <p:spPr>
          <a:xfrm>
            <a:off x="0" y="301186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9" name="OTLSHAPE_T_cf8ba53047dd42f7b65fff01191a18a8_StartDate"/>
          <p:cNvSpPr txBox="1"/>
          <p:nvPr>
            <p:custDataLst>
              <p:tags r:id="rId85"/>
            </p:custDataLst>
          </p:nvPr>
        </p:nvSpPr>
        <p:spPr>
          <a:xfrm>
            <a:off x="567261" y="2965781"/>
            <a:ext cx="2190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8">
                <a:solidFill>
                  <a:schemeClr val="dk2"/>
                </a:solidFill>
                <a:latin typeface="Calibri" panose="020F0502020204030204" pitchFamily="34" charset="0"/>
              </a:rPr>
              <a:t>Feb 2</a:t>
            </a:r>
          </a:p>
        </p:txBody>
      </p:sp>
      <p:sp>
        <p:nvSpPr>
          <p:cNvPr id="3230" name="OTLSHAPE_T_cf8ba53047dd42f7b65fff01191a18a8_EndDate"/>
          <p:cNvSpPr txBox="1"/>
          <p:nvPr>
            <p:custDataLst>
              <p:tags r:id="rId86"/>
            </p:custDataLst>
          </p:nvPr>
        </p:nvSpPr>
        <p:spPr>
          <a:xfrm>
            <a:off x="1720080" y="2965781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16</a:t>
            </a:r>
          </a:p>
        </p:txBody>
      </p:sp>
      <p:sp>
        <p:nvSpPr>
          <p:cNvPr id="3231" name="OTLSHAPE_T_cf8ba53047dd42f7b65fff01191a18a8_Title"/>
          <p:cNvSpPr txBox="1"/>
          <p:nvPr>
            <p:custDataLst>
              <p:tags r:id="rId87"/>
            </p:custDataLst>
          </p:nvPr>
        </p:nvSpPr>
        <p:spPr>
          <a:xfrm>
            <a:off x="973396" y="2895600"/>
            <a:ext cx="552450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25" b="1">
                <a:solidFill>
                  <a:schemeClr val="dk1"/>
                </a:solidFill>
                <a:latin typeface="Calibri" panose="020F0502020204030204" pitchFamily="34" charset="0"/>
              </a:rPr>
              <a:t>Analyze and review SRS</a:t>
            </a:r>
          </a:p>
        </p:txBody>
      </p:sp>
      <p:sp>
        <p:nvSpPr>
          <p:cNvPr id="3232" name="OTLSHAPE_T_c0dbd6c5fb6341b5ad5fb70edd023d93_Shape"/>
          <p:cNvSpPr/>
          <p:nvPr>
            <p:custDataLst>
              <p:tags r:id="rId88"/>
            </p:custDataLst>
          </p:nvPr>
        </p:nvSpPr>
        <p:spPr>
          <a:xfrm>
            <a:off x="1277378" y="3199003"/>
            <a:ext cx="2085975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33" name="OTLSHAPE_T_c0dbd6c5fb6341b5ad5fb70edd023d93_ShapePercentage" hidden="1"/>
          <p:cNvSpPr/>
          <p:nvPr>
            <p:custDataLst>
              <p:tags r:id="rId89"/>
            </p:custDataLst>
          </p:nvPr>
        </p:nvSpPr>
        <p:spPr>
          <a:xfrm>
            <a:off x="1277378" y="31990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34" name="OTLSHAPE_T_c0dbd6c5fb6341b5ad5fb70edd023d93_Duration" hidden="1"/>
          <p:cNvSpPr txBox="1"/>
          <p:nvPr>
            <p:custDataLst>
              <p:tags r:id="rId90"/>
            </p:custDataLst>
          </p:nvPr>
        </p:nvSpPr>
        <p:spPr>
          <a:xfrm>
            <a:off x="0" y="319942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3235" name="OTLSHAPE_T_c0dbd6c5fb6341b5ad5fb70edd023d93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331527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c0dbd6c5fb6341b5ad5fb70edd023d93_JoinedDate" hidden="1"/>
          <p:cNvSpPr txBox="1"/>
          <p:nvPr>
            <p:custDataLst>
              <p:tags r:id="rId92"/>
            </p:custDataLst>
          </p:nvPr>
        </p:nvSpPr>
        <p:spPr>
          <a:xfrm>
            <a:off x="0" y="331527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7" name="OTLSHAPE_T_c0dbd6c5fb6341b5ad5fb70edd023d93_StartDate"/>
          <p:cNvSpPr txBox="1"/>
          <p:nvPr>
            <p:custDataLst>
              <p:tags r:id="rId93"/>
            </p:custDataLst>
          </p:nvPr>
        </p:nvSpPr>
        <p:spPr>
          <a:xfrm>
            <a:off x="981372" y="3217495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10</a:t>
            </a:r>
          </a:p>
        </p:txBody>
      </p:sp>
      <p:sp>
        <p:nvSpPr>
          <p:cNvPr id="3238" name="OTLSHAPE_T_c0dbd6c5fb6341b5ad5fb70edd023d93_EndDate"/>
          <p:cNvSpPr txBox="1"/>
          <p:nvPr>
            <p:custDataLst>
              <p:tags r:id="rId94"/>
            </p:custDataLst>
          </p:nvPr>
        </p:nvSpPr>
        <p:spPr>
          <a:xfrm>
            <a:off x="3396292" y="3217495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3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3239" name="OTLSHAPE_T_c0dbd6c5fb6341b5ad5fb70edd023d93_Title"/>
          <p:cNvSpPr txBox="1"/>
          <p:nvPr>
            <p:custDataLst>
              <p:tags r:id="rId95"/>
            </p:custDataLst>
          </p:nvPr>
        </p:nvSpPr>
        <p:spPr>
          <a:xfrm>
            <a:off x="2219201" y="3211724"/>
            <a:ext cx="2000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9">
                <a:solidFill>
                  <a:schemeClr val="dk1"/>
                </a:solidFill>
                <a:latin typeface="Calibri" panose="020F0502020204030204" pitchFamily="34" charset="0"/>
              </a:rPr>
              <a:t>BPR </a:t>
            </a:r>
          </a:p>
        </p:txBody>
      </p:sp>
      <p:sp>
        <p:nvSpPr>
          <p:cNvPr id="3240" name="OTLSHAPE_T_f987025c8ba74a0ca355d9b9677de6ea_Shape"/>
          <p:cNvSpPr/>
          <p:nvPr>
            <p:custDataLst>
              <p:tags r:id="rId96"/>
            </p:custDataLst>
          </p:nvPr>
        </p:nvSpPr>
        <p:spPr>
          <a:xfrm>
            <a:off x="814975" y="3399028"/>
            <a:ext cx="1276350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41" name="OTLSHAPE_T_f987025c8ba74a0ca355d9b9677de6ea_ShapePercentage" hidden="1"/>
          <p:cNvSpPr/>
          <p:nvPr>
            <p:custDataLst>
              <p:tags r:id="rId97"/>
            </p:custDataLst>
          </p:nvPr>
        </p:nvSpPr>
        <p:spPr>
          <a:xfrm>
            <a:off x="814975" y="339902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42" name="OTLSHAPE_T_f987025c8ba74a0ca355d9b9677de6ea_Duration" hidden="1"/>
          <p:cNvSpPr txBox="1"/>
          <p:nvPr>
            <p:custDataLst>
              <p:tags r:id="rId98"/>
            </p:custDataLst>
          </p:nvPr>
        </p:nvSpPr>
        <p:spPr>
          <a:xfrm>
            <a:off x="0" y="339945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3243" name="OTLSHAPE_T_f987025c8ba74a0ca355d9b9677de6ea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351529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44" name="OTLSHAPE_T_f987025c8ba74a0ca355d9b9677de6ea_JoinedDate" hidden="1"/>
          <p:cNvSpPr txBox="1"/>
          <p:nvPr>
            <p:custDataLst>
              <p:tags r:id="rId100"/>
            </p:custDataLst>
          </p:nvPr>
        </p:nvSpPr>
        <p:spPr>
          <a:xfrm>
            <a:off x="0" y="351529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5" name="OTLSHAPE_T_f987025c8ba74a0ca355d9b9677de6ea_StartDate"/>
          <p:cNvSpPr txBox="1"/>
          <p:nvPr>
            <p:custDataLst>
              <p:tags r:id="rId101"/>
            </p:custDataLst>
          </p:nvPr>
        </p:nvSpPr>
        <p:spPr>
          <a:xfrm>
            <a:off x="567261" y="3417520"/>
            <a:ext cx="2190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8">
                <a:solidFill>
                  <a:schemeClr val="dk2"/>
                </a:solidFill>
                <a:latin typeface="Calibri" panose="020F0502020204030204" pitchFamily="34" charset="0"/>
              </a:rPr>
              <a:t>Feb 2</a:t>
            </a:r>
          </a:p>
        </p:txBody>
      </p:sp>
      <p:sp>
        <p:nvSpPr>
          <p:cNvPr id="3246" name="OTLSHAPE_T_f987025c8ba74a0ca355d9b9677de6ea_EndDate"/>
          <p:cNvSpPr txBox="1"/>
          <p:nvPr>
            <p:custDataLst>
              <p:tags r:id="rId102"/>
            </p:custDataLst>
          </p:nvPr>
        </p:nvSpPr>
        <p:spPr>
          <a:xfrm>
            <a:off x="2124683" y="3417520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23</a:t>
            </a:r>
          </a:p>
        </p:txBody>
      </p:sp>
      <p:sp>
        <p:nvSpPr>
          <p:cNvPr id="3247" name="OTLSHAPE_T_f987025c8ba74a0ca355d9b9677de6ea_Title"/>
          <p:cNvSpPr txBox="1"/>
          <p:nvPr>
            <p:custDataLst>
              <p:tags r:id="rId103"/>
            </p:custDataLst>
          </p:nvPr>
        </p:nvSpPr>
        <p:spPr>
          <a:xfrm>
            <a:off x="1130263" y="3411749"/>
            <a:ext cx="6477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8">
                <a:solidFill>
                  <a:schemeClr val="dk1"/>
                </a:solidFill>
                <a:latin typeface="Calibri" panose="020F0502020204030204" pitchFamily="34" charset="0"/>
              </a:rPr>
              <a:t>staff allocation</a:t>
            </a:r>
          </a:p>
        </p:txBody>
      </p:sp>
      <p:sp>
        <p:nvSpPr>
          <p:cNvPr id="3248" name="OTLSHAPE_T_bebaa61994fa4fcbb2bef9ac2e3738b0_Shape"/>
          <p:cNvSpPr/>
          <p:nvPr>
            <p:custDataLst>
              <p:tags r:id="rId104"/>
            </p:custDataLst>
          </p:nvPr>
        </p:nvSpPr>
        <p:spPr>
          <a:xfrm>
            <a:off x="1277378" y="3599053"/>
            <a:ext cx="4572000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49" name="OTLSHAPE_T_bebaa61994fa4fcbb2bef9ac2e3738b0_ShapePercentage" hidden="1"/>
          <p:cNvSpPr/>
          <p:nvPr>
            <p:custDataLst>
              <p:tags r:id="rId105"/>
            </p:custDataLst>
          </p:nvPr>
        </p:nvSpPr>
        <p:spPr>
          <a:xfrm>
            <a:off x="1277378" y="359905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50" name="OTLSHAPE_T_bebaa61994fa4fcbb2bef9ac2e3738b0_Duration" hidden="1"/>
          <p:cNvSpPr txBox="1"/>
          <p:nvPr>
            <p:custDataLst>
              <p:tags r:id="rId106"/>
            </p:custDataLst>
          </p:nvPr>
        </p:nvSpPr>
        <p:spPr>
          <a:xfrm>
            <a:off x="0" y="359947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79 days</a:t>
            </a:r>
          </a:p>
        </p:txBody>
      </p:sp>
      <p:sp>
        <p:nvSpPr>
          <p:cNvPr id="3251" name="OTLSHAPE_T_bebaa61994fa4fcbb2bef9ac2e3738b0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371532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T_bebaa61994fa4fcbb2bef9ac2e3738b0_JoinedDate" hidden="1"/>
          <p:cNvSpPr txBox="1"/>
          <p:nvPr>
            <p:custDataLst>
              <p:tags r:id="rId108"/>
            </p:custDataLst>
          </p:nvPr>
        </p:nvSpPr>
        <p:spPr>
          <a:xfrm>
            <a:off x="0" y="371532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3" name="OTLSHAPE_T_bebaa61994fa4fcbb2bef9ac2e3738b0_StartDate"/>
          <p:cNvSpPr txBox="1"/>
          <p:nvPr>
            <p:custDataLst>
              <p:tags r:id="rId109"/>
            </p:custDataLst>
          </p:nvPr>
        </p:nvSpPr>
        <p:spPr>
          <a:xfrm>
            <a:off x="981372" y="3617545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10</a:t>
            </a:r>
          </a:p>
        </p:txBody>
      </p:sp>
      <p:sp>
        <p:nvSpPr>
          <p:cNvPr id="3254" name="OTLSHAPE_T_bebaa61994fa4fcbb2bef9ac2e3738b0_EndDate"/>
          <p:cNvSpPr txBox="1"/>
          <p:nvPr>
            <p:custDataLst>
              <p:tags r:id="rId110"/>
            </p:custDataLst>
          </p:nvPr>
        </p:nvSpPr>
        <p:spPr>
          <a:xfrm>
            <a:off x="5881709" y="3617545"/>
            <a:ext cx="257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3255" name="OTLSHAPE_T_bebaa61994fa4fcbb2bef9ac2e3738b0_Title"/>
          <p:cNvSpPr txBox="1"/>
          <p:nvPr>
            <p:custDataLst>
              <p:tags r:id="rId111"/>
            </p:custDataLst>
          </p:nvPr>
        </p:nvSpPr>
        <p:spPr>
          <a:xfrm>
            <a:off x="3058097" y="3611774"/>
            <a:ext cx="10096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3">
                <a:solidFill>
                  <a:schemeClr val="dk1"/>
                </a:solidFill>
                <a:latin typeface="Calibri" panose="020F0502020204030204" pitchFamily="34" charset="0"/>
              </a:rPr>
              <a:t>Design and Implement </a:t>
            </a:r>
          </a:p>
        </p:txBody>
      </p:sp>
      <p:sp>
        <p:nvSpPr>
          <p:cNvPr id="3256" name="OTLSHAPE_T_35d7b8749fbd4746bed0163aaaa924ad_Shape"/>
          <p:cNvSpPr/>
          <p:nvPr>
            <p:custDataLst>
              <p:tags r:id="rId112"/>
            </p:custDataLst>
          </p:nvPr>
        </p:nvSpPr>
        <p:spPr>
          <a:xfrm>
            <a:off x="2028783" y="3799078"/>
            <a:ext cx="5438775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57" name="OTLSHAPE_T_35d7b8749fbd4746bed0163aaaa924ad_ShapePercentage" hidden="1"/>
          <p:cNvSpPr/>
          <p:nvPr>
            <p:custDataLst>
              <p:tags r:id="rId113"/>
            </p:custDataLst>
          </p:nvPr>
        </p:nvSpPr>
        <p:spPr>
          <a:xfrm>
            <a:off x="2028783" y="379907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58" name="OTLSHAPE_T_35d7b8749fbd4746bed0163aaaa924ad_Duration" hidden="1"/>
          <p:cNvSpPr txBox="1"/>
          <p:nvPr>
            <p:custDataLst>
              <p:tags r:id="rId114"/>
            </p:custDataLst>
          </p:nvPr>
        </p:nvSpPr>
        <p:spPr>
          <a:xfrm>
            <a:off x="0" y="379950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94 days</a:t>
            </a:r>
          </a:p>
        </p:txBody>
      </p:sp>
      <p:sp>
        <p:nvSpPr>
          <p:cNvPr id="3259" name="OTLSHAPE_T_35d7b8749fbd4746bed0163aaaa924ad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391534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T_35d7b8749fbd4746bed0163aaaa924ad_JoinedDate" hidden="1"/>
          <p:cNvSpPr txBox="1"/>
          <p:nvPr>
            <p:custDataLst>
              <p:tags r:id="rId116"/>
            </p:custDataLst>
          </p:nvPr>
        </p:nvSpPr>
        <p:spPr>
          <a:xfrm>
            <a:off x="0" y="391534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T_35d7b8749fbd4746bed0163aaaa924ad_StartDate"/>
          <p:cNvSpPr txBox="1"/>
          <p:nvPr>
            <p:custDataLst>
              <p:tags r:id="rId117"/>
            </p:custDataLst>
          </p:nvPr>
        </p:nvSpPr>
        <p:spPr>
          <a:xfrm>
            <a:off x="1732778" y="3817570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Feb 23</a:t>
            </a:r>
          </a:p>
        </p:txBody>
      </p:sp>
      <p:sp>
        <p:nvSpPr>
          <p:cNvPr id="3262" name="OTLSHAPE_T_35d7b8749fbd4746bed0163aaaa924ad_EndDate"/>
          <p:cNvSpPr txBox="1"/>
          <p:nvPr>
            <p:custDataLst>
              <p:tags r:id="rId118"/>
            </p:custDataLst>
          </p:nvPr>
        </p:nvSpPr>
        <p:spPr>
          <a:xfrm>
            <a:off x="7500120" y="3817570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3263" name="OTLSHAPE_T_35d7b8749fbd4746bed0163aaaa924ad_Title"/>
          <p:cNvSpPr txBox="1"/>
          <p:nvPr>
            <p:custDataLst>
              <p:tags r:id="rId119"/>
            </p:custDataLst>
          </p:nvPr>
        </p:nvSpPr>
        <p:spPr>
          <a:xfrm>
            <a:off x="4365799" y="3811799"/>
            <a:ext cx="7620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3">
                <a:solidFill>
                  <a:schemeClr val="dk1"/>
                </a:solidFill>
                <a:latin typeface="Calibri" panose="020F0502020204030204" pitchFamily="34" charset="0"/>
              </a:rPr>
              <a:t>End user training </a:t>
            </a:r>
          </a:p>
        </p:txBody>
      </p:sp>
      <p:sp>
        <p:nvSpPr>
          <p:cNvPr id="3264" name="OTLSHAPE_T_3469cbcf9e4949e2bd33d168c16e9b68_Shape"/>
          <p:cNvSpPr/>
          <p:nvPr>
            <p:custDataLst>
              <p:tags r:id="rId120"/>
            </p:custDataLst>
          </p:nvPr>
        </p:nvSpPr>
        <p:spPr>
          <a:xfrm>
            <a:off x="5785808" y="3999103"/>
            <a:ext cx="1676400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65" name="OTLSHAPE_T_3469cbcf9e4949e2bd33d168c16e9b68_ShapePercentage" hidden="1"/>
          <p:cNvSpPr/>
          <p:nvPr>
            <p:custDataLst>
              <p:tags r:id="rId121"/>
            </p:custDataLst>
          </p:nvPr>
        </p:nvSpPr>
        <p:spPr>
          <a:xfrm>
            <a:off x="5785808" y="399910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66" name="OTLSHAPE_T_3469cbcf9e4949e2bd33d168c16e9b68_Duration" hidden="1"/>
          <p:cNvSpPr txBox="1"/>
          <p:nvPr>
            <p:custDataLst>
              <p:tags r:id="rId122"/>
            </p:custDataLst>
          </p:nvPr>
        </p:nvSpPr>
        <p:spPr>
          <a:xfrm>
            <a:off x="0" y="399952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3267" name="OTLSHAPE_T_3469cbcf9e4949e2bd33d168c16e9b68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411537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68" name="OTLSHAPE_T_3469cbcf9e4949e2bd33d168c16e9b68_JoinedDate" hidden="1"/>
          <p:cNvSpPr txBox="1"/>
          <p:nvPr>
            <p:custDataLst>
              <p:tags r:id="rId124"/>
            </p:custDataLst>
          </p:nvPr>
        </p:nvSpPr>
        <p:spPr>
          <a:xfrm>
            <a:off x="0" y="411537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T_3469cbcf9e4949e2bd33d168c16e9b68_StartDate"/>
          <p:cNvSpPr txBox="1"/>
          <p:nvPr>
            <p:custDataLst>
              <p:tags r:id="rId125"/>
            </p:custDataLst>
          </p:nvPr>
        </p:nvSpPr>
        <p:spPr>
          <a:xfrm>
            <a:off x="5491232" y="4017595"/>
            <a:ext cx="257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3270" name="OTLSHAPE_T_3469cbcf9e4949e2bd33d168c16e9b68_EndDate"/>
          <p:cNvSpPr txBox="1"/>
          <p:nvPr>
            <p:custDataLst>
              <p:tags r:id="rId126"/>
            </p:custDataLst>
          </p:nvPr>
        </p:nvSpPr>
        <p:spPr>
          <a:xfrm>
            <a:off x="7500120" y="4017595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3271" name="OTLSHAPE_T_3469cbcf9e4949e2bd33d168c16e9b68_Title"/>
          <p:cNvSpPr txBox="1"/>
          <p:nvPr>
            <p:custDataLst>
              <p:tags r:id="rId127"/>
            </p:custDataLst>
          </p:nvPr>
        </p:nvSpPr>
        <p:spPr>
          <a:xfrm>
            <a:off x="6098642" y="4011824"/>
            <a:ext cx="10572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6">
                <a:solidFill>
                  <a:schemeClr val="dk1"/>
                </a:solidFill>
                <a:latin typeface="Calibri" panose="020F0502020204030204" pitchFamily="34" charset="0"/>
              </a:rPr>
              <a:t>User Acceptance Testing</a:t>
            </a:r>
          </a:p>
        </p:txBody>
      </p:sp>
      <p:sp>
        <p:nvSpPr>
          <p:cNvPr id="3272" name="OTLSHAPE_T_78c8a42e6b2b4c27859a589c98961acb_Shape"/>
          <p:cNvSpPr/>
          <p:nvPr>
            <p:custDataLst>
              <p:tags r:id="rId128"/>
            </p:custDataLst>
          </p:nvPr>
        </p:nvSpPr>
        <p:spPr>
          <a:xfrm>
            <a:off x="7057418" y="4199128"/>
            <a:ext cx="1333500" cy="152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73" name="OTLSHAPE_T_78c8a42e6b2b4c27859a589c98961acb_ShapePercentage" hidden="1"/>
          <p:cNvSpPr/>
          <p:nvPr>
            <p:custDataLst>
              <p:tags r:id="rId129"/>
            </p:custDataLst>
          </p:nvPr>
        </p:nvSpPr>
        <p:spPr>
          <a:xfrm>
            <a:off x="7057418" y="419912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74" name="OTLSHAPE_T_78c8a42e6b2b4c27859a589c98961acb_Duration" hidden="1"/>
          <p:cNvSpPr txBox="1"/>
          <p:nvPr>
            <p:custDataLst>
              <p:tags r:id="rId130"/>
            </p:custDataLst>
          </p:nvPr>
        </p:nvSpPr>
        <p:spPr>
          <a:xfrm>
            <a:off x="0" y="419955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3275" name="OTLSHAPE_T_78c8a42e6b2b4c27859a589c98961acb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431539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76" name="OTLSHAPE_T_78c8a42e6b2b4c27859a589c98961acb_JoinedDate" hidden="1"/>
          <p:cNvSpPr txBox="1"/>
          <p:nvPr>
            <p:custDataLst>
              <p:tags r:id="rId132"/>
            </p:custDataLst>
          </p:nvPr>
        </p:nvSpPr>
        <p:spPr>
          <a:xfrm>
            <a:off x="0" y="431539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7" name="OTLSHAPE_T_78c8a42e6b2b4c27859a589c98961acb_StartDate"/>
          <p:cNvSpPr txBox="1"/>
          <p:nvPr>
            <p:custDataLst>
              <p:tags r:id="rId133"/>
            </p:custDataLst>
          </p:nvPr>
        </p:nvSpPr>
        <p:spPr>
          <a:xfrm>
            <a:off x="6732806" y="4217620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6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278" name="OTLSHAPE_T_78c8a42e6b2b4c27859a589c98961acb_EndDate"/>
          <p:cNvSpPr txBox="1"/>
          <p:nvPr>
            <p:custDataLst>
              <p:tags r:id="rId134"/>
            </p:custDataLst>
          </p:nvPr>
        </p:nvSpPr>
        <p:spPr>
          <a:xfrm>
            <a:off x="8424926" y="4217620"/>
            <a:ext cx="257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2"/>
                </a:solidFill>
                <a:latin typeface="Calibri" panose="020F0502020204030204" pitchFamily="34" charset="0"/>
              </a:rPr>
              <a:t>Jun 12</a:t>
            </a:r>
          </a:p>
        </p:txBody>
      </p:sp>
      <p:sp>
        <p:nvSpPr>
          <p:cNvPr id="3279" name="OTLSHAPE_T_78c8a42e6b2b4c27859a589c98961acb_Title"/>
          <p:cNvSpPr txBox="1"/>
          <p:nvPr>
            <p:custDataLst>
              <p:tags r:id="rId135"/>
            </p:custDataLst>
          </p:nvPr>
        </p:nvSpPr>
        <p:spPr>
          <a:xfrm>
            <a:off x="7273241" y="4211849"/>
            <a:ext cx="9048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3">
                <a:solidFill>
                  <a:schemeClr val="dk1"/>
                </a:solidFill>
                <a:latin typeface="Calibri" panose="020F0502020204030204" pitchFamily="34" charset="0"/>
              </a:rPr>
              <a:t>Roll-out and suppor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633349" y="535955"/>
            <a:ext cx="80487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4000" dirty="0" smtClean="0"/>
              <a:t>Project Timeline</a:t>
            </a:r>
            <a:endParaRPr lang="en-IN" sz="4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67036145"/>
      </p:ext>
    </p:extLst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 smtClean="0"/>
              <a:t>Proposed Solution Approach Scope</a:t>
            </a:r>
            <a:endParaRPr lang="en-US" sz="4000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sz="20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FoxMeyer Business Process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5</a:t>
            </a:fld>
            <a:endParaRPr lang="en-US"/>
          </a:p>
        </p:txBody>
      </p:sp>
      <p:sp>
        <p:nvSpPr>
          <p:cNvPr id="18" name="Freeform 17"/>
          <p:cNvSpPr/>
          <p:nvPr/>
        </p:nvSpPr>
        <p:spPr>
          <a:xfrm>
            <a:off x="914400" y="2362200"/>
            <a:ext cx="2875026" cy="677513"/>
          </a:xfrm>
          <a:custGeom>
            <a:avLst/>
            <a:gdLst>
              <a:gd name="connsiteX0" fmla="*/ 0 w 2875026"/>
              <a:gd name="connsiteY0" fmla="*/ 67751 h 677513"/>
              <a:gd name="connsiteX1" fmla="*/ 67751 w 2875026"/>
              <a:gd name="connsiteY1" fmla="*/ 0 h 677513"/>
              <a:gd name="connsiteX2" fmla="*/ 2807275 w 2875026"/>
              <a:gd name="connsiteY2" fmla="*/ 0 h 677513"/>
              <a:gd name="connsiteX3" fmla="*/ 2875026 w 2875026"/>
              <a:gd name="connsiteY3" fmla="*/ 67751 h 677513"/>
              <a:gd name="connsiteX4" fmla="*/ 2875026 w 2875026"/>
              <a:gd name="connsiteY4" fmla="*/ 609762 h 677513"/>
              <a:gd name="connsiteX5" fmla="*/ 2807275 w 2875026"/>
              <a:gd name="connsiteY5" fmla="*/ 677513 h 677513"/>
              <a:gd name="connsiteX6" fmla="*/ 67751 w 2875026"/>
              <a:gd name="connsiteY6" fmla="*/ 677513 h 677513"/>
              <a:gd name="connsiteX7" fmla="*/ 0 w 2875026"/>
              <a:gd name="connsiteY7" fmla="*/ 609762 h 677513"/>
              <a:gd name="connsiteX8" fmla="*/ 0 w 2875026"/>
              <a:gd name="connsiteY8" fmla="*/ 67751 h 6775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75026" h="677513">
                <a:moveTo>
                  <a:pt x="0" y="67751"/>
                </a:moveTo>
                <a:cubicBezTo>
                  <a:pt x="0" y="30333"/>
                  <a:pt x="30333" y="0"/>
                  <a:pt x="67751" y="0"/>
                </a:cubicBezTo>
                <a:lnTo>
                  <a:pt x="2807275" y="0"/>
                </a:lnTo>
                <a:cubicBezTo>
                  <a:pt x="2844693" y="0"/>
                  <a:pt x="2875026" y="30333"/>
                  <a:pt x="2875026" y="67751"/>
                </a:cubicBezTo>
                <a:lnTo>
                  <a:pt x="2875026" y="609762"/>
                </a:lnTo>
                <a:cubicBezTo>
                  <a:pt x="2875026" y="647180"/>
                  <a:pt x="2844693" y="677513"/>
                  <a:pt x="2807275" y="677513"/>
                </a:cubicBezTo>
                <a:lnTo>
                  <a:pt x="67751" y="677513"/>
                </a:lnTo>
                <a:cubicBezTo>
                  <a:pt x="30333" y="677513"/>
                  <a:pt x="0" y="647180"/>
                  <a:pt x="0" y="609762"/>
                </a:cubicBezTo>
                <a:lnTo>
                  <a:pt x="0" y="67751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73184" tIns="73184" rIns="843856" bIns="7318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400" kern="1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ustomer fills out electronic order</a:t>
            </a:r>
            <a:endPara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9" name="Freeform 18"/>
          <p:cNvSpPr/>
          <p:nvPr/>
        </p:nvSpPr>
        <p:spPr>
          <a:xfrm>
            <a:off x="1129093" y="3133812"/>
            <a:ext cx="2875026" cy="677513"/>
          </a:xfrm>
          <a:custGeom>
            <a:avLst/>
            <a:gdLst>
              <a:gd name="connsiteX0" fmla="*/ 0 w 2875026"/>
              <a:gd name="connsiteY0" fmla="*/ 67751 h 677513"/>
              <a:gd name="connsiteX1" fmla="*/ 67751 w 2875026"/>
              <a:gd name="connsiteY1" fmla="*/ 0 h 677513"/>
              <a:gd name="connsiteX2" fmla="*/ 2807275 w 2875026"/>
              <a:gd name="connsiteY2" fmla="*/ 0 h 677513"/>
              <a:gd name="connsiteX3" fmla="*/ 2875026 w 2875026"/>
              <a:gd name="connsiteY3" fmla="*/ 67751 h 677513"/>
              <a:gd name="connsiteX4" fmla="*/ 2875026 w 2875026"/>
              <a:gd name="connsiteY4" fmla="*/ 609762 h 677513"/>
              <a:gd name="connsiteX5" fmla="*/ 2807275 w 2875026"/>
              <a:gd name="connsiteY5" fmla="*/ 677513 h 677513"/>
              <a:gd name="connsiteX6" fmla="*/ 67751 w 2875026"/>
              <a:gd name="connsiteY6" fmla="*/ 677513 h 677513"/>
              <a:gd name="connsiteX7" fmla="*/ 0 w 2875026"/>
              <a:gd name="connsiteY7" fmla="*/ 609762 h 677513"/>
              <a:gd name="connsiteX8" fmla="*/ 0 w 2875026"/>
              <a:gd name="connsiteY8" fmla="*/ 67751 h 6775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75026" h="677513">
                <a:moveTo>
                  <a:pt x="0" y="67751"/>
                </a:moveTo>
                <a:cubicBezTo>
                  <a:pt x="0" y="30333"/>
                  <a:pt x="30333" y="0"/>
                  <a:pt x="67751" y="0"/>
                </a:cubicBezTo>
                <a:lnTo>
                  <a:pt x="2807275" y="0"/>
                </a:lnTo>
                <a:cubicBezTo>
                  <a:pt x="2844693" y="0"/>
                  <a:pt x="2875026" y="30333"/>
                  <a:pt x="2875026" y="67751"/>
                </a:cubicBezTo>
                <a:lnTo>
                  <a:pt x="2875026" y="609762"/>
                </a:lnTo>
                <a:cubicBezTo>
                  <a:pt x="2875026" y="647180"/>
                  <a:pt x="2844693" y="677513"/>
                  <a:pt x="2807275" y="677513"/>
                </a:cubicBezTo>
                <a:lnTo>
                  <a:pt x="67751" y="677513"/>
                </a:lnTo>
                <a:cubicBezTo>
                  <a:pt x="30333" y="677513"/>
                  <a:pt x="0" y="647180"/>
                  <a:pt x="0" y="609762"/>
                </a:cubicBezTo>
                <a:lnTo>
                  <a:pt x="0" y="67751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73184" tIns="73184" rIns="728262" bIns="7318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400" kern="1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Orders sent to the appropriate distribution center </a:t>
            </a:r>
            <a:endPara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0" name="Freeform 19"/>
          <p:cNvSpPr/>
          <p:nvPr/>
        </p:nvSpPr>
        <p:spPr>
          <a:xfrm>
            <a:off x="1343786" y="3905424"/>
            <a:ext cx="2875026" cy="677513"/>
          </a:xfrm>
          <a:custGeom>
            <a:avLst/>
            <a:gdLst>
              <a:gd name="connsiteX0" fmla="*/ 0 w 2875026"/>
              <a:gd name="connsiteY0" fmla="*/ 67751 h 677513"/>
              <a:gd name="connsiteX1" fmla="*/ 67751 w 2875026"/>
              <a:gd name="connsiteY1" fmla="*/ 0 h 677513"/>
              <a:gd name="connsiteX2" fmla="*/ 2807275 w 2875026"/>
              <a:gd name="connsiteY2" fmla="*/ 0 h 677513"/>
              <a:gd name="connsiteX3" fmla="*/ 2875026 w 2875026"/>
              <a:gd name="connsiteY3" fmla="*/ 67751 h 677513"/>
              <a:gd name="connsiteX4" fmla="*/ 2875026 w 2875026"/>
              <a:gd name="connsiteY4" fmla="*/ 609762 h 677513"/>
              <a:gd name="connsiteX5" fmla="*/ 2807275 w 2875026"/>
              <a:gd name="connsiteY5" fmla="*/ 677513 h 677513"/>
              <a:gd name="connsiteX6" fmla="*/ 67751 w 2875026"/>
              <a:gd name="connsiteY6" fmla="*/ 677513 h 677513"/>
              <a:gd name="connsiteX7" fmla="*/ 0 w 2875026"/>
              <a:gd name="connsiteY7" fmla="*/ 609762 h 677513"/>
              <a:gd name="connsiteX8" fmla="*/ 0 w 2875026"/>
              <a:gd name="connsiteY8" fmla="*/ 67751 h 6775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75026" h="677513">
                <a:moveTo>
                  <a:pt x="0" y="67751"/>
                </a:moveTo>
                <a:cubicBezTo>
                  <a:pt x="0" y="30333"/>
                  <a:pt x="30333" y="0"/>
                  <a:pt x="67751" y="0"/>
                </a:cubicBezTo>
                <a:lnTo>
                  <a:pt x="2807275" y="0"/>
                </a:lnTo>
                <a:cubicBezTo>
                  <a:pt x="2844693" y="0"/>
                  <a:pt x="2875026" y="30333"/>
                  <a:pt x="2875026" y="67751"/>
                </a:cubicBezTo>
                <a:lnTo>
                  <a:pt x="2875026" y="609762"/>
                </a:lnTo>
                <a:cubicBezTo>
                  <a:pt x="2875026" y="647180"/>
                  <a:pt x="2844693" y="677513"/>
                  <a:pt x="2807275" y="677513"/>
                </a:cubicBezTo>
                <a:lnTo>
                  <a:pt x="67751" y="677513"/>
                </a:lnTo>
                <a:cubicBezTo>
                  <a:pt x="30333" y="677513"/>
                  <a:pt x="0" y="647180"/>
                  <a:pt x="0" y="609762"/>
                </a:cubicBezTo>
                <a:lnTo>
                  <a:pt x="0" y="67751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73184" tIns="73184" rIns="728262" bIns="7318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400" kern="1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Order filled manually and packed</a:t>
            </a:r>
            <a:endPara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1" name="Freeform 20"/>
          <p:cNvSpPr/>
          <p:nvPr/>
        </p:nvSpPr>
        <p:spPr>
          <a:xfrm>
            <a:off x="1558480" y="4677037"/>
            <a:ext cx="2875026" cy="677513"/>
          </a:xfrm>
          <a:custGeom>
            <a:avLst/>
            <a:gdLst>
              <a:gd name="connsiteX0" fmla="*/ 0 w 2875026"/>
              <a:gd name="connsiteY0" fmla="*/ 67751 h 677513"/>
              <a:gd name="connsiteX1" fmla="*/ 67751 w 2875026"/>
              <a:gd name="connsiteY1" fmla="*/ 0 h 677513"/>
              <a:gd name="connsiteX2" fmla="*/ 2807275 w 2875026"/>
              <a:gd name="connsiteY2" fmla="*/ 0 h 677513"/>
              <a:gd name="connsiteX3" fmla="*/ 2875026 w 2875026"/>
              <a:gd name="connsiteY3" fmla="*/ 67751 h 677513"/>
              <a:gd name="connsiteX4" fmla="*/ 2875026 w 2875026"/>
              <a:gd name="connsiteY4" fmla="*/ 609762 h 677513"/>
              <a:gd name="connsiteX5" fmla="*/ 2807275 w 2875026"/>
              <a:gd name="connsiteY5" fmla="*/ 677513 h 677513"/>
              <a:gd name="connsiteX6" fmla="*/ 67751 w 2875026"/>
              <a:gd name="connsiteY6" fmla="*/ 677513 h 677513"/>
              <a:gd name="connsiteX7" fmla="*/ 0 w 2875026"/>
              <a:gd name="connsiteY7" fmla="*/ 609762 h 677513"/>
              <a:gd name="connsiteX8" fmla="*/ 0 w 2875026"/>
              <a:gd name="connsiteY8" fmla="*/ 67751 h 6775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75026" h="677513">
                <a:moveTo>
                  <a:pt x="0" y="67751"/>
                </a:moveTo>
                <a:cubicBezTo>
                  <a:pt x="0" y="30333"/>
                  <a:pt x="30333" y="0"/>
                  <a:pt x="67751" y="0"/>
                </a:cubicBezTo>
                <a:lnTo>
                  <a:pt x="2807275" y="0"/>
                </a:lnTo>
                <a:cubicBezTo>
                  <a:pt x="2844693" y="0"/>
                  <a:pt x="2875026" y="30333"/>
                  <a:pt x="2875026" y="67751"/>
                </a:cubicBezTo>
                <a:lnTo>
                  <a:pt x="2875026" y="609762"/>
                </a:lnTo>
                <a:cubicBezTo>
                  <a:pt x="2875026" y="647180"/>
                  <a:pt x="2844693" y="677513"/>
                  <a:pt x="2807275" y="677513"/>
                </a:cubicBezTo>
                <a:lnTo>
                  <a:pt x="67751" y="677513"/>
                </a:lnTo>
                <a:cubicBezTo>
                  <a:pt x="30333" y="677513"/>
                  <a:pt x="0" y="647180"/>
                  <a:pt x="0" y="609762"/>
                </a:cubicBezTo>
                <a:lnTo>
                  <a:pt x="0" y="67751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73184" tIns="73184" rIns="728262" bIns="7318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400" kern="1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ackage shipment to customer via national distributor centers</a:t>
            </a:r>
            <a:endPara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" name="Freeform 21"/>
          <p:cNvSpPr/>
          <p:nvPr/>
        </p:nvSpPr>
        <p:spPr>
          <a:xfrm>
            <a:off x="1773173" y="5448649"/>
            <a:ext cx="2875026" cy="677513"/>
          </a:xfrm>
          <a:custGeom>
            <a:avLst/>
            <a:gdLst>
              <a:gd name="connsiteX0" fmla="*/ 0 w 2875026"/>
              <a:gd name="connsiteY0" fmla="*/ 67751 h 677513"/>
              <a:gd name="connsiteX1" fmla="*/ 67751 w 2875026"/>
              <a:gd name="connsiteY1" fmla="*/ 0 h 677513"/>
              <a:gd name="connsiteX2" fmla="*/ 2807275 w 2875026"/>
              <a:gd name="connsiteY2" fmla="*/ 0 h 677513"/>
              <a:gd name="connsiteX3" fmla="*/ 2875026 w 2875026"/>
              <a:gd name="connsiteY3" fmla="*/ 67751 h 677513"/>
              <a:gd name="connsiteX4" fmla="*/ 2875026 w 2875026"/>
              <a:gd name="connsiteY4" fmla="*/ 609762 h 677513"/>
              <a:gd name="connsiteX5" fmla="*/ 2807275 w 2875026"/>
              <a:gd name="connsiteY5" fmla="*/ 677513 h 677513"/>
              <a:gd name="connsiteX6" fmla="*/ 67751 w 2875026"/>
              <a:gd name="connsiteY6" fmla="*/ 677513 h 677513"/>
              <a:gd name="connsiteX7" fmla="*/ 0 w 2875026"/>
              <a:gd name="connsiteY7" fmla="*/ 609762 h 677513"/>
              <a:gd name="connsiteX8" fmla="*/ 0 w 2875026"/>
              <a:gd name="connsiteY8" fmla="*/ 67751 h 6775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75026" h="677513">
                <a:moveTo>
                  <a:pt x="0" y="67751"/>
                </a:moveTo>
                <a:cubicBezTo>
                  <a:pt x="0" y="30333"/>
                  <a:pt x="30333" y="0"/>
                  <a:pt x="67751" y="0"/>
                </a:cubicBezTo>
                <a:lnTo>
                  <a:pt x="2807275" y="0"/>
                </a:lnTo>
                <a:cubicBezTo>
                  <a:pt x="2844693" y="0"/>
                  <a:pt x="2875026" y="30333"/>
                  <a:pt x="2875026" y="67751"/>
                </a:cubicBezTo>
                <a:lnTo>
                  <a:pt x="2875026" y="609762"/>
                </a:lnTo>
                <a:cubicBezTo>
                  <a:pt x="2875026" y="647180"/>
                  <a:pt x="2844693" y="677513"/>
                  <a:pt x="2807275" y="677513"/>
                </a:cubicBezTo>
                <a:lnTo>
                  <a:pt x="67751" y="677513"/>
                </a:lnTo>
                <a:cubicBezTo>
                  <a:pt x="30333" y="677513"/>
                  <a:pt x="0" y="647180"/>
                  <a:pt x="0" y="609762"/>
                </a:cubicBezTo>
                <a:lnTo>
                  <a:pt x="0" y="67751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73184" tIns="73184" rIns="728262" bIns="7318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400" kern="1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racking Inventory</a:t>
            </a:r>
            <a:endParaRPr lang="en-US" sz="1400" kern="1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3" name="Freeform 22"/>
          <p:cNvSpPr/>
          <p:nvPr/>
        </p:nvSpPr>
        <p:spPr>
          <a:xfrm>
            <a:off x="3349042" y="2857161"/>
            <a:ext cx="440383" cy="440383"/>
          </a:xfrm>
          <a:custGeom>
            <a:avLst/>
            <a:gdLst>
              <a:gd name="connsiteX0" fmla="*/ 0 w 440383"/>
              <a:gd name="connsiteY0" fmla="*/ 242211 h 440383"/>
              <a:gd name="connsiteX1" fmla="*/ 99086 w 440383"/>
              <a:gd name="connsiteY1" fmla="*/ 242211 h 440383"/>
              <a:gd name="connsiteX2" fmla="*/ 99086 w 440383"/>
              <a:gd name="connsiteY2" fmla="*/ 0 h 440383"/>
              <a:gd name="connsiteX3" fmla="*/ 341297 w 440383"/>
              <a:gd name="connsiteY3" fmla="*/ 0 h 440383"/>
              <a:gd name="connsiteX4" fmla="*/ 341297 w 440383"/>
              <a:gd name="connsiteY4" fmla="*/ 242211 h 440383"/>
              <a:gd name="connsiteX5" fmla="*/ 440383 w 440383"/>
              <a:gd name="connsiteY5" fmla="*/ 242211 h 440383"/>
              <a:gd name="connsiteX6" fmla="*/ 220192 w 440383"/>
              <a:gd name="connsiteY6" fmla="*/ 440383 h 440383"/>
              <a:gd name="connsiteX7" fmla="*/ 0 w 440383"/>
              <a:gd name="connsiteY7" fmla="*/ 242211 h 4403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0383" h="440383">
                <a:moveTo>
                  <a:pt x="0" y="242211"/>
                </a:moveTo>
                <a:lnTo>
                  <a:pt x="99086" y="242211"/>
                </a:lnTo>
                <a:lnTo>
                  <a:pt x="99086" y="0"/>
                </a:lnTo>
                <a:lnTo>
                  <a:pt x="341297" y="0"/>
                </a:lnTo>
                <a:lnTo>
                  <a:pt x="341297" y="242211"/>
                </a:lnTo>
                <a:lnTo>
                  <a:pt x="440383" y="242211"/>
                </a:lnTo>
                <a:lnTo>
                  <a:pt x="220192" y="440383"/>
                </a:lnTo>
                <a:lnTo>
                  <a:pt x="0" y="242211"/>
                </a:lnTo>
                <a:close/>
              </a:path>
            </a:pathLst>
          </a:cu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24486" tIns="25400" rIns="124486" bIns="134395" numCol="1" spcCol="1270" anchor="ctr" anchorCtr="0">
            <a:noAutofit/>
          </a:bodyPr>
          <a:lstStyle/>
          <a:p>
            <a:pPr lvl="0" algn="ctr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000" kern="1200"/>
          </a:p>
        </p:txBody>
      </p:sp>
      <p:sp>
        <p:nvSpPr>
          <p:cNvPr id="24" name="Freeform 23"/>
          <p:cNvSpPr/>
          <p:nvPr/>
        </p:nvSpPr>
        <p:spPr>
          <a:xfrm>
            <a:off x="3563735" y="3628773"/>
            <a:ext cx="440383" cy="440383"/>
          </a:xfrm>
          <a:custGeom>
            <a:avLst/>
            <a:gdLst>
              <a:gd name="connsiteX0" fmla="*/ 0 w 440383"/>
              <a:gd name="connsiteY0" fmla="*/ 242211 h 440383"/>
              <a:gd name="connsiteX1" fmla="*/ 99086 w 440383"/>
              <a:gd name="connsiteY1" fmla="*/ 242211 h 440383"/>
              <a:gd name="connsiteX2" fmla="*/ 99086 w 440383"/>
              <a:gd name="connsiteY2" fmla="*/ 0 h 440383"/>
              <a:gd name="connsiteX3" fmla="*/ 341297 w 440383"/>
              <a:gd name="connsiteY3" fmla="*/ 0 h 440383"/>
              <a:gd name="connsiteX4" fmla="*/ 341297 w 440383"/>
              <a:gd name="connsiteY4" fmla="*/ 242211 h 440383"/>
              <a:gd name="connsiteX5" fmla="*/ 440383 w 440383"/>
              <a:gd name="connsiteY5" fmla="*/ 242211 h 440383"/>
              <a:gd name="connsiteX6" fmla="*/ 220192 w 440383"/>
              <a:gd name="connsiteY6" fmla="*/ 440383 h 440383"/>
              <a:gd name="connsiteX7" fmla="*/ 0 w 440383"/>
              <a:gd name="connsiteY7" fmla="*/ 242211 h 4403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0383" h="440383">
                <a:moveTo>
                  <a:pt x="0" y="242211"/>
                </a:moveTo>
                <a:lnTo>
                  <a:pt x="99086" y="242211"/>
                </a:lnTo>
                <a:lnTo>
                  <a:pt x="99086" y="0"/>
                </a:lnTo>
                <a:lnTo>
                  <a:pt x="341297" y="0"/>
                </a:lnTo>
                <a:lnTo>
                  <a:pt x="341297" y="242211"/>
                </a:lnTo>
                <a:lnTo>
                  <a:pt x="440383" y="242211"/>
                </a:lnTo>
                <a:lnTo>
                  <a:pt x="220192" y="440383"/>
                </a:lnTo>
                <a:lnTo>
                  <a:pt x="0" y="242211"/>
                </a:lnTo>
                <a:close/>
              </a:path>
            </a:pathLst>
          </a:cu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24486" tIns="25400" rIns="124486" bIns="134395" numCol="1" spcCol="1270" anchor="ctr" anchorCtr="0">
            <a:noAutofit/>
          </a:bodyPr>
          <a:lstStyle/>
          <a:p>
            <a:pPr lvl="0" algn="ctr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000" kern="1200"/>
          </a:p>
        </p:txBody>
      </p:sp>
      <p:sp>
        <p:nvSpPr>
          <p:cNvPr id="25" name="Freeform 24"/>
          <p:cNvSpPr/>
          <p:nvPr/>
        </p:nvSpPr>
        <p:spPr>
          <a:xfrm>
            <a:off x="3778429" y="4389094"/>
            <a:ext cx="440383" cy="440383"/>
          </a:xfrm>
          <a:custGeom>
            <a:avLst/>
            <a:gdLst>
              <a:gd name="connsiteX0" fmla="*/ 0 w 440383"/>
              <a:gd name="connsiteY0" fmla="*/ 242211 h 440383"/>
              <a:gd name="connsiteX1" fmla="*/ 99086 w 440383"/>
              <a:gd name="connsiteY1" fmla="*/ 242211 h 440383"/>
              <a:gd name="connsiteX2" fmla="*/ 99086 w 440383"/>
              <a:gd name="connsiteY2" fmla="*/ 0 h 440383"/>
              <a:gd name="connsiteX3" fmla="*/ 341297 w 440383"/>
              <a:gd name="connsiteY3" fmla="*/ 0 h 440383"/>
              <a:gd name="connsiteX4" fmla="*/ 341297 w 440383"/>
              <a:gd name="connsiteY4" fmla="*/ 242211 h 440383"/>
              <a:gd name="connsiteX5" fmla="*/ 440383 w 440383"/>
              <a:gd name="connsiteY5" fmla="*/ 242211 h 440383"/>
              <a:gd name="connsiteX6" fmla="*/ 220192 w 440383"/>
              <a:gd name="connsiteY6" fmla="*/ 440383 h 440383"/>
              <a:gd name="connsiteX7" fmla="*/ 0 w 440383"/>
              <a:gd name="connsiteY7" fmla="*/ 242211 h 4403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0383" h="440383">
                <a:moveTo>
                  <a:pt x="0" y="242211"/>
                </a:moveTo>
                <a:lnTo>
                  <a:pt x="99086" y="242211"/>
                </a:lnTo>
                <a:lnTo>
                  <a:pt x="99086" y="0"/>
                </a:lnTo>
                <a:lnTo>
                  <a:pt x="341297" y="0"/>
                </a:lnTo>
                <a:lnTo>
                  <a:pt x="341297" y="242211"/>
                </a:lnTo>
                <a:lnTo>
                  <a:pt x="440383" y="242211"/>
                </a:lnTo>
                <a:lnTo>
                  <a:pt x="220192" y="440383"/>
                </a:lnTo>
                <a:lnTo>
                  <a:pt x="0" y="242211"/>
                </a:lnTo>
                <a:close/>
              </a:path>
            </a:pathLst>
          </a:cu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24486" tIns="25400" rIns="124486" bIns="134395" numCol="1" spcCol="1270" anchor="ctr" anchorCtr="0">
            <a:noAutofit/>
          </a:bodyPr>
          <a:lstStyle/>
          <a:p>
            <a:pPr lvl="0" algn="ctr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000" kern="1200"/>
          </a:p>
        </p:txBody>
      </p:sp>
      <p:sp>
        <p:nvSpPr>
          <p:cNvPr id="26" name="Freeform 25"/>
          <p:cNvSpPr/>
          <p:nvPr/>
        </p:nvSpPr>
        <p:spPr>
          <a:xfrm>
            <a:off x="3993122" y="5168234"/>
            <a:ext cx="440383" cy="440383"/>
          </a:xfrm>
          <a:custGeom>
            <a:avLst/>
            <a:gdLst>
              <a:gd name="connsiteX0" fmla="*/ 0 w 440383"/>
              <a:gd name="connsiteY0" fmla="*/ 242211 h 440383"/>
              <a:gd name="connsiteX1" fmla="*/ 99086 w 440383"/>
              <a:gd name="connsiteY1" fmla="*/ 242211 h 440383"/>
              <a:gd name="connsiteX2" fmla="*/ 99086 w 440383"/>
              <a:gd name="connsiteY2" fmla="*/ 0 h 440383"/>
              <a:gd name="connsiteX3" fmla="*/ 341297 w 440383"/>
              <a:gd name="connsiteY3" fmla="*/ 0 h 440383"/>
              <a:gd name="connsiteX4" fmla="*/ 341297 w 440383"/>
              <a:gd name="connsiteY4" fmla="*/ 242211 h 440383"/>
              <a:gd name="connsiteX5" fmla="*/ 440383 w 440383"/>
              <a:gd name="connsiteY5" fmla="*/ 242211 h 440383"/>
              <a:gd name="connsiteX6" fmla="*/ 220192 w 440383"/>
              <a:gd name="connsiteY6" fmla="*/ 440383 h 440383"/>
              <a:gd name="connsiteX7" fmla="*/ 0 w 440383"/>
              <a:gd name="connsiteY7" fmla="*/ 242211 h 4403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0383" h="440383">
                <a:moveTo>
                  <a:pt x="0" y="242211"/>
                </a:moveTo>
                <a:lnTo>
                  <a:pt x="99086" y="242211"/>
                </a:lnTo>
                <a:lnTo>
                  <a:pt x="99086" y="0"/>
                </a:lnTo>
                <a:lnTo>
                  <a:pt x="341297" y="0"/>
                </a:lnTo>
                <a:lnTo>
                  <a:pt x="341297" y="242211"/>
                </a:lnTo>
                <a:lnTo>
                  <a:pt x="440383" y="242211"/>
                </a:lnTo>
                <a:lnTo>
                  <a:pt x="220192" y="440383"/>
                </a:lnTo>
                <a:lnTo>
                  <a:pt x="0" y="242211"/>
                </a:lnTo>
                <a:close/>
              </a:path>
            </a:pathLst>
          </a:cu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24486" tIns="25400" rIns="124486" bIns="134395" numCol="1" spcCol="1270" anchor="ctr" anchorCtr="0">
            <a:noAutofit/>
          </a:bodyPr>
          <a:lstStyle/>
          <a:p>
            <a:pPr lvl="0" algn="ctr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en-US" sz="2000" kern="120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72175" y="1742736"/>
            <a:ext cx="2152650" cy="2228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7400" y="1748204"/>
            <a:ext cx="2095500" cy="2705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72175" y="1757729"/>
            <a:ext cx="2095500" cy="3105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Picture 6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33333" y="1769148"/>
            <a:ext cx="2095500" cy="3905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7" name="Picture 9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30842" y="1769148"/>
            <a:ext cx="2004641" cy="47954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0712478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00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00"/>
                            </p:stCondLst>
                            <p:childTnLst>
                              <p:par>
                                <p:cTn id="25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500"/>
                            </p:stCondLst>
                            <p:childTnLst>
                              <p:par>
                                <p:cTn id="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2000"/>
                            </p:stCondLst>
                            <p:childTnLst>
                              <p:par>
                                <p:cTn id="35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3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20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500"/>
                            </p:stCondLst>
                            <p:childTnLst>
                              <p:par>
                                <p:cTn id="50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1500"/>
                            </p:stCondLst>
                            <p:childTnLst>
                              <p:par>
                                <p:cTn id="5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0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500"/>
                            </p:stCondLst>
                            <p:childTnLst>
                              <p:par>
                                <p:cTn id="65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1500"/>
                            </p:stCondLst>
                            <p:childTnLst>
                              <p:par>
                                <p:cTn id="7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0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  <p:bldP spid="24" grpId="0" animBg="1"/>
      <p:bldP spid="25" grpId="0" animBg="1"/>
      <p:bldP spid="2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RP Evaluation – Why SAP ?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64732186"/>
              </p:ext>
            </p:extLst>
          </p:nvPr>
        </p:nvGraphicFramePr>
        <p:xfrm>
          <a:off x="5486400" y="1066800"/>
          <a:ext cx="3276600" cy="45259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6</a:t>
            </a:fld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589808" y="1447800"/>
            <a:ext cx="5029200" cy="56323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Largest ERP vendor market share. Hence much larger pool of SAP developers &amp; consultant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405,520,080 fully business processed order line item transactions per da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5000 + concurrently active us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P ERP HR/HCM can process payroll calculation for 500,000 employees and retirees in 4 hou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ulti-lingual user interf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latform independ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uperior integration among all its modul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upports ‘hooking up’ to other systems for specific solu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llows customization in reserved spots (user exits, customer functions, etc.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FoxMeyer corp. with 4097 employees, is appropriate for SAP implement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P has the highest executive and employee satisfaction rating among all ERP vend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109785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1000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1000"/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1000" fill="hold"/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1000"/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1000" fill="hold"/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1000"/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2" dur="1000" fill="hold"/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1000" fill="hold"/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AsOne/>
      </p:bldGraphic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" y="857251"/>
            <a:ext cx="5829300" cy="609600"/>
          </a:xfrm>
        </p:spPr>
        <p:txBody>
          <a:bodyPr>
            <a:normAutofit/>
          </a:bodyPr>
          <a:lstStyle/>
          <a:p>
            <a:pPr algn="l"/>
            <a:r>
              <a:rPr lang="en-US" sz="1800" b="1" dirty="0"/>
              <a:t>Microsoft’s  </a:t>
            </a:r>
            <a:r>
              <a:rPr lang="en-US" sz="1800" b="1" dirty="0">
                <a:latin typeface="+mn-lt"/>
              </a:rPr>
              <a:t>SAP</a:t>
            </a:r>
            <a:r>
              <a:rPr lang="en-US" sz="1800" b="1" dirty="0"/>
              <a:t> ERP implementatio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466851"/>
            <a:ext cx="7353300" cy="2085974"/>
          </a:xfrm>
        </p:spPr>
        <p:txBody>
          <a:bodyPr>
            <a:normAutofit/>
          </a:bodyPr>
          <a:lstStyle/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SAP improved integration of Microsoft Business, Suppliers and Customer  unit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Savings of $18 million per year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Reduction of planning cycle (95%)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Reduction of delivery times (10-40 %)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Lower stock levels (20-25 %)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Reduction of late deliveries (25-30%)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r>
              <a:rPr lang="en-US" sz="1350" dirty="0"/>
              <a:t>Increase in Productivity (2-5%)</a:t>
            </a:r>
          </a:p>
          <a:p>
            <a:pPr marL="257175" indent="-257175" algn="l">
              <a:buFont typeface="Arial" panose="020B0604020202020204" pitchFamily="34" charset="0"/>
              <a:buChar char="•"/>
            </a:pPr>
            <a:endParaRPr lang="en-US" sz="1350" dirty="0"/>
          </a:p>
        </p:txBody>
      </p:sp>
      <p:sp>
        <p:nvSpPr>
          <p:cNvPr id="5" name="TextBox 4"/>
          <p:cNvSpPr txBox="1"/>
          <p:nvPr/>
        </p:nvSpPr>
        <p:spPr>
          <a:xfrm>
            <a:off x="-1" y="3539178"/>
            <a:ext cx="48863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SAP ERP at California Department of Corrections and Rehabilitation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-1" y="4162425"/>
            <a:ext cx="6134101" cy="15465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endParaRPr lang="en-US" sz="1350" dirty="0"/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350" dirty="0"/>
              <a:t>Cuts purchasing process lifecycle by half</a:t>
            </a:r>
          </a:p>
          <a:p>
            <a:pPr marL="214313" indent="-214313" fontAlgn="base">
              <a:buFont typeface="Arial" panose="020B0604020202020204" pitchFamily="34" charset="0"/>
              <a:buChar char="•"/>
            </a:pPr>
            <a:r>
              <a:rPr lang="en-US" sz="1350" dirty="0"/>
              <a:t>Savings of $1 million by retiring a single legacy system</a:t>
            </a:r>
          </a:p>
          <a:p>
            <a:pPr marL="214313" indent="-214313" fontAlgn="base">
              <a:buFont typeface="Arial" panose="020B0604020202020204" pitchFamily="34" charset="0"/>
              <a:buChar char="•"/>
            </a:pPr>
            <a:r>
              <a:rPr lang="en-US" sz="1350" dirty="0"/>
              <a:t>Reduction in time required to access data (&gt;99 %)</a:t>
            </a:r>
          </a:p>
          <a:p>
            <a:pPr marL="214313" indent="-214313" fontAlgn="base">
              <a:buFont typeface="Arial" panose="020B0604020202020204" pitchFamily="34" charset="0"/>
              <a:buChar char="•"/>
            </a:pPr>
            <a:r>
              <a:rPr lang="en-US" sz="1350" dirty="0"/>
              <a:t>Reduction in time to create backup reports of procurement activities</a:t>
            </a:r>
          </a:p>
          <a:p>
            <a:pPr marL="214313" indent="-214313" fontAlgn="base">
              <a:buFont typeface="Arial" panose="020B0604020202020204" pitchFamily="34" charset="0"/>
              <a:buChar char="•"/>
            </a:pPr>
            <a:r>
              <a:rPr lang="en-US" sz="1350" dirty="0"/>
              <a:t>Saved $1 million in system access and maintenance costs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endParaRPr lang="en-US" sz="1350" dirty="0"/>
          </a:p>
        </p:txBody>
      </p:sp>
      <p:sp>
        <p:nvSpPr>
          <p:cNvPr id="4" name="TextBox 3"/>
          <p:cNvSpPr txBox="1"/>
          <p:nvPr/>
        </p:nvSpPr>
        <p:spPr>
          <a:xfrm flipH="1">
            <a:off x="-1" y="247651"/>
            <a:ext cx="8382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3200" dirty="0" smtClean="0"/>
              <a:t>Examples of ERP Implementation</a:t>
            </a:r>
            <a:endParaRPr lang="en-IN" sz="3200" dirty="0"/>
          </a:p>
        </p:txBody>
      </p:sp>
    </p:spTree>
    <p:extLst>
      <p:ext uri="{BB962C8B-B14F-4D97-AF65-F5344CB8AC3E}">
        <p14:creationId xmlns:p14="http://schemas.microsoft.com/office/powerpoint/2010/main" val="238931365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2800" dirty="0" smtClean="0"/>
              <a:t>Proposed Solution Approach – Functional Scoping</a:t>
            </a:r>
            <a:endParaRPr lang="en-US" sz="2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8</a:t>
            </a:fld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3733800" y="19050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2133600" y="1905000"/>
            <a:ext cx="4038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3581400" y="1905000"/>
            <a:ext cx="5562600" cy="313932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b="1" dirty="0" smtClean="0"/>
              <a:t>SAP Sales &amp; Distribution (SD) – 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ceiving and managing ord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Billing to customers for products sol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chedule, handling transportation and deliver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  <a:p>
            <a:r>
              <a:rPr lang="en-US" b="1" dirty="0" smtClean="0"/>
              <a:t>SAP Customer Service (CS) –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</a:t>
            </a:r>
            <a:r>
              <a:rPr lang="en-US" dirty="0" smtClean="0"/>
              <a:t>nformation </a:t>
            </a:r>
            <a:r>
              <a:rPr lang="en-US" dirty="0"/>
              <a:t>on customers, </a:t>
            </a: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E</a:t>
            </a:r>
            <a:r>
              <a:rPr lang="en-US" dirty="0" smtClean="0"/>
              <a:t>mployees </a:t>
            </a:r>
            <a:r>
              <a:rPr lang="en-US" dirty="0"/>
              <a:t>(responsible for customer relationships, service engineers, etc.) </a:t>
            </a:r>
            <a:r>
              <a:rPr lang="en-US" dirty="0" smtClean="0"/>
              <a:t>,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aterials </a:t>
            </a:r>
            <a:r>
              <a:rPr lang="en-US" dirty="0"/>
              <a:t>(e.g. equipment, spare parts, services) </a:t>
            </a: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W</a:t>
            </a:r>
            <a:r>
              <a:rPr lang="en-US" dirty="0" smtClean="0"/>
              <a:t>arranty </a:t>
            </a:r>
            <a:r>
              <a:rPr lang="en-US" dirty="0"/>
              <a:t>data (conditions, dates, coverage).</a:t>
            </a:r>
            <a:r>
              <a:rPr lang="en-US" b="1" dirty="0" smtClean="0"/>
              <a:t>  </a:t>
            </a:r>
            <a:endParaRPr lang="en-US" b="1" dirty="0"/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2818757511"/>
              </p:ext>
            </p:extLst>
          </p:nvPr>
        </p:nvGraphicFramePr>
        <p:xfrm>
          <a:off x="228600" y="1600200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8" name="Diagram 17"/>
          <p:cNvGraphicFramePr/>
          <p:nvPr>
            <p:extLst>
              <p:ext uri="{D42A27DB-BD31-4B8C-83A1-F6EECF244321}">
                <p14:modId xmlns:p14="http://schemas.microsoft.com/office/powerpoint/2010/main" val="2523285019"/>
              </p:ext>
            </p:extLst>
          </p:nvPr>
        </p:nvGraphicFramePr>
        <p:xfrm>
          <a:off x="228600" y="1600200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graphicFrame>
        <p:nvGraphicFramePr>
          <p:cNvPr id="19" name="Diagram 18"/>
          <p:cNvGraphicFramePr/>
          <p:nvPr>
            <p:extLst>
              <p:ext uri="{D42A27DB-BD31-4B8C-83A1-F6EECF244321}">
                <p14:modId xmlns:p14="http://schemas.microsoft.com/office/powerpoint/2010/main" val="2515272504"/>
              </p:ext>
            </p:extLst>
          </p:nvPr>
        </p:nvGraphicFramePr>
        <p:xfrm>
          <a:off x="228600" y="1600200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71800" y="1524000"/>
            <a:ext cx="6172200" cy="46427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" name="TextBox 20"/>
          <p:cNvSpPr txBox="1"/>
          <p:nvPr/>
        </p:nvSpPr>
        <p:spPr>
          <a:xfrm>
            <a:off x="3581400" y="2057400"/>
            <a:ext cx="5562600" cy="203132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b="1" dirty="0" smtClean="0"/>
              <a:t>SAP Material Management (MM) – 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ntegrated with Warehouse Management modu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Manage stock in the warehou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ggest placement of stock in specific storage areas in the warehou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Goods purchasing, receiving and material stor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onsumption-based planning and inventory</a:t>
            </a: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71800" y="1295400"/>
            <a:ext cx="6172200" cy="47985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4" name="Diagram 23"/>
          <p:cNvGraphicFramePr/>
          <p:nvPr>
            <p:extLst>
              <p:ext uri="{D42A27DB-BD31-4B8C-83A1-F6EECF244321}">
                <p14:modId xmlns:p14="http://schemas.microsoft.com/office/powerpoint/2010/main" val="1805281565"/>
              </p:ext>
            </p:extLst>
          </p:nvPr>
        </p:nvGraphicFramePr>
        <p:xfrm>
          <a:off x="228600" y="1593237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8" r:lo="rId19" r:qs="rId20" r:cs="rId21"/>
          </a:graphicData>
        </a:graphic>
      </p:graphicFrame>
      <p:sp>
        <p:nvSpPr>
          <p:cNvPr id="27" name="TextBox 26"/>
          <p:cNvSpPr txBox="1"/>
          <p:nvPr/>
        </p:nvSpPr>
        <p:spPr>
          <a:xfrm>
            <a:off x="3581400" y="2057400"/>
            <a:ext cx="5562600" cy="147732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b="1" dirty="0" smtClean="0"/>
              <a:t>SAP Logistics Execution (LE) –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Helps in supporting overall </a:t>
            </a:r>
            <a:r>
              <a:rPr lang="en-US" dirty="0"/>
              <a:t>logistics processes including but not limited to warehousing, shipping, and transportation.</a:t>
            </a:r>
            <a:endParaRPr lang="en-US" b="1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76600" y="1676213"/>
            <a:ext cx="5562600" cy="33136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9" name="Diagram 28"/>
          <p:cNvGraphicFramePr/>
          <p:nvPr>
            <p:extLst>
              <p:ext uri="{D42A27DB-BD31-4B8C-83A1-F6EECF244321}">
                <p14:modId xmlns:p14="http://schemas.microsoft.com/office/powerpoint/2010/main" val="1693536070"/>
              </p:ext>
            </p:extLst>
          </p:nvPr>
        </p:nvGraphicFramePr>
        <p:xfrm>
          <a:off x="228600" y="1600200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3" r:lo="rId24" r:qs="rId25" r:cs="rId26"/>
          </a:graphicData>
        </a:graphic>
      </p:graphicFrame>
      <p:sp>
        <p:nvSpPr>
          <p:cNvPr id="30" name="TextBox 29"/>
          <p:cNvSpPr txBox="1"/>
          <p:nvPr/>
        </p:nvSpPr>
        <p:spPr>
          <a:xfrm>
            <a:off x="3581400" y="2057400"/>
            <a:ext cx="5562600" cy="147732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b="1" dirty="0" smtClean="0"/>
              <a:t>SAP Material Management (MM) – 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upports procurement and inventory func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Goods purchasing, receiving and material stor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onsumption-based planning and inventor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duction in dependency on safety stock</a:t>
            </a:r>
          </a:p>
        </p:txBody>
      </p:sp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76600" y="2057400"/>
            <a:ext cx="5410200" cy="34523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32" name="Diagram 31"/>
          <p:cNvGraphicFramePr/>
          <p:nvPr>
            <p:extLst>
              <p:ext uri="{D42A27DB-BD31-4B8C-83A1-F6EECF244321}">
                <p14:modId xmlns:p14="http://schemas.microsoft.com/office/powerpoint/2010/main" val="2236831490"/>
              </p:ext>
            </p:extLst>
          </p:nvPr>
        </p:nvGraphicFramePr>
        <p:xfrm>
          <a:off x="228600" y="1600200"/>
          <a:ext cx="3124200" cy="4601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8" r:lo="rId29" r:qs="rId30" r:cs="rId31"/>
          </a:graphicData>
        </a:graphic>
      </p:graphicFrame>
      <p:sp>
        <p:nvSpPr>
          <p:cNvPr id="33" name="TextBox 32"/>
          <p:cNvSpPr txBox="1"/>
          <p:nvPr/>
        </p:nvSpPr>
        <p:spPr>
          <a:xfrm>
            <a:off x="3314700" y="2057400"/>
            <a:ext cx="5715000" cy="286232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b="1" dirty="0" smtClean="0"/>
              <a:t>Information Systems Infrastructure –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ata center servers and disk storage systems	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Network gears ( routers, network switches and security firewal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Tape backup units</a:t>
            </a:r>
          </a:p>
          <a:p>
            <a:endParaRPr lang="en-US" dirty="0"/>
          </a:p>
          <a:p>
            <a:r>
              <a:rPr lang="en-US" b="1" dirty="0" smtClean="0"/>
              <a:t>SAP Human Resources –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E</a:t>
            </a:r>
            <a:r>
              <a:rPr lang="en-US" dirty="0" smtClean="0"/>
              <a:t>nable the organization </a:t>
            </a:r>
            <a:r>
              <a:rPr lang="en-US" dirty="0"/>
              <a:t>to process employee related data according to business requirements in an effective structure</a:t>
            </a:r>
          </a:p>
        </p:txBody>
      </p:sp>
    </p:spTree>
    <p:extLst>
      <p:ext uri="{BB962C8B-B14F-4D97-AF65-F5344CB8AC3E}">
        <p14:creationId xmlns:p14="http://schemas.microsoft.com/office/powerpoint/2010/main" val="41269222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500"/>
                            </p:stCondLst>
                            <p:childTnLst>
                              <p:par>
                                <p:cTn id="14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000"/>
                            </p:stCondLst>
                            <p:childTnLst>
                              <p:par>
                                <p:cTn id="29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500"/>
                            </p:stCondLst>
                            <p:childTnLst>
                              <p:par>
                                <p:cTn id="4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000"/>
                            </p:stCondLst>
                            <p:childTnLst>
                              <p:par>
                                <p:cTn id="4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100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0" fill="hold">
                      <p:stCondLst>
                        <p:cond delay="indefinite"/>
                      </p:stCondLst>
                      <p:childTnLst>
                        <p:par>
                          <p:cTn id="61" fill="hold">
                            <p:stCondLst>
                              <p:cond delay="0"/>
                            </p:stCondLst>
                            <p:childTnLst>
                              <p:par>
                                <p:cTn id="6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10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500"/>
                            </p:stCondLst>
                            <p:childTnLst>
                              <p:par>
                                <p:cTn id="6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000"/>
                            </p:stCondLst>
                            <p:childTnLst>
                              <p:par>
                                <p:cTn id="7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Graphic spid="16" grpId="0">
        <p:bldAsOne/>
      </p:bldGraphic>
      <p:bldGraphic spid="18" grpId="0">
        <p:bldAsOne/>
      </p:bldGraphic>
      <p:bldGraphic spid="19" grpId="0">
        <p:bldAsOne/>
      </p:bldGraphic>
      <p:bldP spid="21" grpId="0" animBg="1"/>
      <p:bldGraphic spid="24" grpId="0">
        <p:bldAsOne/>
      </p:bldGraphic>
      <p:bldP spid="27" grpId="0" animBg="1"/>
      <p:bldGraphic spid="29" grpId="0">
        <p:bldAsOne/>
      </p:bldGraphic>
      <p:bldP spid="30" grpId="0" animBg="1"/>
      <p:bldGraphic spid="32" grpId="0">
        <p:bldAsOne/>
      </p:bldGraphic>
      <p:bldP spid="3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Projected Outcome Matrix</a:t>
            </a:r>
            <a:endParaRPr lang="en-US" sz="3600" dirty="0"/>
          </a:p>
        </p:txBody>
      </p:sp>
      <p:sp>
        <p:nvSpPr>
          <p:cNvPr id="8" name="Freeform 7"/>
          <p:cNvSpPr/>
          <p:nvPr/>
        </p:nvSpPr>
        <p:spPr>
          <a:xfrm>
            <a:off x="457199" y="1600199"/>
            <a:ext cx="4114800" cy="2262982"/>
          </a:xfrm>
          <a:custGeom>
            <a:avLst/>
            <a:gdLst>
              <a:gd name="connsiteX0" fmla="*/ 0 w 2262981"/>
              <a:gd name="connsiteY0" fmla="*/ 0 h 4114799"/>
              <a:gd name="connsiteX1" fmla="*/ 1885810 w 2262981"/>
              <a:gd name="connsiteY1" fmla="*/ 0 h 4114799"/>
              <a:gd name="connsiteX2" fmla="*/ 2262981 w 2262981"/>
              <a:gd name="connsiteY2" fmla="*/ 377171 h 4114799"/>
              <a:gd name="connsiteX3" fmla="*/ 2262981 w 2262981"/>
              <a:gd name="connsiteY3" fmla="*/ 4114799 h 4114799"/>
              <a:gd name="connsiteX4" fmla="*/ 0 w 2262981"/>
              <a:gd name="connsiteY4" fmla="*/ 4114799 h 4114799"/>
              <a:gd name="connsiteX5" fmla="*/ 0 w 2262981"/>
              <a:gd name="connsiteY5" fmla="*/ 0 h 41147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62981" h="4114799">
                <a:moveTo>
                  <a:pt x="0" y="4114798"/>
                </a:moveTo>
                <a:lnTo>
                  <a:pt x="0" y="685814"/>
                </a:lnTo>
                <a:cubicBezTo>
                  <a:pt x="0" y="307050"/>
                  <a:pt x="92869" y="1"/>
                  <a:pt x="207430" y="1"/>
                </a:cubicBezTo>
                <a:lnTo>
                  <a:pt x="2262981" y="1"/>
                </a:lnTo>
                <a:lnTo>
                  <a:pt x="2262981" y="4114798"/>
                </a:lnTo>
                <a:lnTo>
                  <a:pt x="0" y="4114798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1">
              <a:hueOff val="0"/>
              <a:satOff val="0"/>
              <a:lumOff val="0"/>
              <a:alphaOff val="0"/>
            </a:schemeClr>
          </a:fillRef>
          <a:effectRef idx="3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70688" tIns="170688" rIns="170688" bIns="736433" numCol="1" spcCol="1270" anchor="ctr" anchorCtr="0">
            <a:noAutofit/>
          </a:bodyPr>
          <a:lstStyle/>
          <a:p>
            <a:pPr lvl="0" algn="ctr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400" kern="1200" dirty="0" smtClean="0"/>
              <a:t>Streamlined organization resulting higher executive and employee satisfaction  </a:t>
            </a:r>
            <a:endParaRPr lang="en-US" sz="2400" kern="1200" dirty="0"/>
          </a:p>
        </p:txBody>
      </p:sp>
      <p:sp>
        <p:nvSpPr>
          <p:cNvPr id="9" name="Freeform 8"/>
          <p:cNvSpPr/>
          <p:nvPr/>
        </p:nvSpPr>
        <p:spPr>
          <a:xfrm>
            <a:off x="4571999" y="1600200"/>
            <a:ext cx="4114799" cy="2262981"/>
          </a:xfrm>
          <a:custGeom>
            <a:avLst/>
            <a:gdLst>
              <a:gd name="connsiteX0" fmla="*/ 0 w 4114799"/>
              <a:gd name="connsiteY0" fmla="*/ 0 h 2262981"/>
              <a:gd name="connsiteX1" fmla="*/ 3737628 w 4114799"/>
              <a:gd name="connsiteY1" fmla="*/ 0 h 2262981"/>
              <a:gd name="connsiteX2" fmla="*/ 4114799 w 4114799"/>
              <a:gd name="connsiteY2" fmla="*/ 377171 h 2262981"/>
              <a:gd name="connsiteX3" fmla="*/ 4114799 w 4114799"/>
              <a:gd name="connsiteY3" fmla="*/ 2262981 h 2262981"/>
              <a:gd name="connsiteX4" fmla="*/ 0 w 4114799"/>
              <a:gd name="connsiteY4" fmla="*/ 2262981 h 2262981"/>
              <a:gd name="connsiteX5" fmla="*/ 0 w 4114799"/>
              <a:gd name="connsiteY5" fmla="*/ 0 h 22629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14799" h="2262981">
                <a:moveTo>
                  <a:pt x="0" y="0"/>
                </a:moveTo>
                <a:lnTo>
                  <a:pt x="3737628" y="0"/>
                </a:lnTo>
                <a:cubicBezTo>
                  <a:pt x="3945934" y="0"/>
                  <a:pt x="4114799" y="168865"/>
                  <a:pt x="4114799" y="377171"/>
                </a:cubicBezTo>
                <a:lnTo>
                  <a:pt x="4114799" y="2262981"/>
                </a:lnTo>
                <a:lnTo>
                  <a:pt x="0" y="2262981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1">
              <a:hueOff val="0"/>
              <a:satOff val="0"/>
              <a:lumOff val="0"/>
              <a:alphaOff val="0"/>
            </a:schemeClr>
          </a:fillRef>
          <a:effectRef idx="3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70688" tIns="170688" rIns="170688" bIns="736433" numCol="1" spcCol="1270" anchor="ctr" anchorCtr="0">
            <a:noAutofit/>
          </a:bodyPr>
          <a:lstStyle/>
          <a:p>
            <a:pPr lvl="0" algn="ctr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400" kern="1200" dirty="0" smtClean="0"/>
              <a:t>Worker retention resulting increased job satisfaction and reinforced commitment</a:t>
            </a:r>
            <a:endParaRPr lang="en-US" sz="2400" kern="1200" dirty="0"/>
          </a:p>
        </p:txBody>
      </p:sp>
      <p:sp>
        <p:nvSpPr>
          <p:cNvPr id="10" name="Freeform 9"/>
          <p:cNvSpPr/>
          <p:nvPr/>
        </p:nvSpPr>
        <p:spPr>
          <a:xfrm>
            <a:off x="457199" y="3863180"/>
            <a:ext cx="4114800" cy="2262982"/>
          </a:xfrm>
          <a:custGeom>
            <a:avLst/>
            <a:gdLst>
              <a:gd name="connsiteX0" fmla="*/ 0 w 4114799"/>
              <a:gd name="connsiteY0" fmla="*/ 0 h 2262981"/>
              <a:gd name="connsiteX1" fmla="*/ 3737628 w 4114799"/>
              <a:gd name="connsiteY1" fmla="*/ 0 h 2262981"/>
              <a:gd name="connsiteX2" fmla="*/ 4114799 w 4114799"/>
              <a:gd name="connsiteY2" fmla="*/ 377171 h 2262981"/>
              <a:gd name="connsiteX3" fmla="*/ 4114799 w 4114799"/>
              <a:gd name="connsiteY3" fmla="*/ 2262981 h 2262981"/>
              <a:gd name="connsiteX4" fmla="*/ 0 w 4114799"/>
              <a:gd name="connsiteY4" fmla="*/ 2262981 h 2262981"/>
              <a:gd name="connsiteX5" fmla="*/ 0 w 4114799"/>
              <a:gd name="connsiteY5" fmla="*/ 0 h 22629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14799" h="2262981">
                <a:moveTo>
                  <a:pt x="4114799" y="2262981"/>
                </a:moveTo>
                <a:lnTo>
                  <a:pt x="377171" y="2262981"/>
                </a:lnTo>
                <a:cubicBezTo>
                  <a:pt x="168865" y="2262981"/>
                  <a:pt x="0" y="2094116"/>
                  <a:pt x="0" y="1885810"/>
                </a:cubicBezTo>
                <a:lnTo>
                  <a:pt x="0" y="0"/>
                </a:lnTo>
                <a:lnTo>
                  <a:pt x="4114799" y="0"/>
                </a:lnTo>
                <a:lnTo>
                  <a:pt x="4114799" y="2262981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1">
              <a:hueOff val="0"/>
              <a:satOff val="0"/>
              <a:lumOff val="0"/>
              <a:alphaOff val="0"/>
            </a:schemeClr>
          </a:fillRef>
          <a:effectRef idx="3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70688" tIns="736434" rIns="170688" bIns="170688" numCol="1" spcCol="1270" anchor="ctr" anchorCtr="0">
            <a:noAutofit/>
          </a:bodyPr>
          <a:lstStyle/>
          <a:p>
            <a:pPr lvl="0" algn="ctr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400" kern="1200" dirty="0" smtClean="0"/>
              <a:t>Physical warehouse automation, increased efficiency and quality assurance</a:t>
            </a:r>
            <a:endParaRPr lang="en-US" sz="2400" kern="1200" dirty="0"/>
          </a:p>
        </p:txBody>
      </p:sp>
      <p:sp>
        <p:nvSpPr>
          <p:cNvPr id="11" name="Freeform 10"/>
          <p:cNvSpPr/>
          <p:nvPr/>
        </p:nvSpPr>
        <p:spPr>
          <a:xfrm>
            <a:off x="4572000" y="3863181"/>
            <a:ext cx="4114799" cy="2262981"/>
          </a:xfrm>
          <a:custGeom>
            <a:avLst/>
            <a:gdLst>
              <a:gd name="connsiteX0" fmla="*/ 0 w 2262981"/>
              <a:gd name="connsiteY0" fmla="*/ 0 h 4114799"/>
              <a:gd name="connsiteX1" fmla="*/ 1885810 w 2262981"/>
              <a:gd name="connsiteY1" fmla="*/ 0 h 4114799"/>
              <a:gd name="connsiteX2" fmla="*/ 2262981 w 2262981"/>
              <a:gd name="connsiteY2" fmla="*/ 377171 h 4114799"/>
              <a:gd name="connsiteX3" fmla="*/ 2262981 w 2262981"/>
              <a:gd name="connsiteY3" fmla="*/ 4114799 h 4114799"/>
              <a:gd name="connsiteX4" fmla="*/ 0 w 2262981"/>
              <a:gd name="connsiteY4" fmla="*/ 4114799 h 4114799"/>
              <a:gd name="connsiteX5" fmla="*/ 0 w 2262981"/>
              <a:gd name="connsiteY5" fmla="*/ 0 h 41147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62981" h="4114799">
                <a:moveTo>
                  <a:pt x="2262981" y="1"/>
                </a:moveTo>
                <a:lnTo>
                  <a:pt x="2262981" y="3428985"/>
                </a:lnTo>
                <a:cubicBezTo>
                  <a:pt x="2262981" y="3807749"/>
                  <a:pt x="2170112" y="4114798"/>
                  <a:pt x="2055551" y="4114798"/>
                </a:cubicBezTo>
                <a:lnTo>
                  <a:pt x="0" y="4114798"/>
                </a:lnTo>
                <a:lnTo>
                  <a:pt x="0" y="1"/>
                </a:lnTo>
                <a:lnTo>
                  <a:pt x="2262981" y="1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1">
              <a:hueOff val="0"/>
              <a:satOff val="0"/>
              <a:lumOff val="0"/>
              <a:alphaOff val="0"/>
            </a:schemeClr>
          </a:fillRef>
          <a:effectRef idx="3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70688" tIns="736432" rIns="170688" bIns="170689" numCol="1" spcCol="1270" anchor="ctr" anchorCtr="0">
            <a:noAutofit/>
          </a:bodyPr>
          <a:lstStyle/>
          <a:p>
            <a:pPr lvl="0" algn="ctr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400" kern="1200" smtClean="0"/>
              <a:t>Capability </a:t>
            </a:r>
            <a:r>
              <a:rPr lang="en-US" sz="2400" kern="1200" dirty="0" smtClean="0"/>
              <a:t>to compete market competition and tackle increased bargain power of retailers</a:t>
            </a:r>
            <a:endParaRPr lang="en-US" sz="2400" kern="1200" dirty="0"/>
          </a:p>
        </p:txBody>
      </p:sp>
      <p:sp>
        <p:nvSpPr>
          <p:cNvPr id="12" name="Freeform 11"/>
          <p:cNvSpPr/>
          <p:nvPr/>
        </p:nvSpPr>
        <p:spPr>
          <a:xfrm>
            <a:off x="3337559" y="3297436"/>
            <a:ext cx="2468880" cy="1131490"/>
          </a:xfrm>
          <a:custGeom>
            <a:avLst/>
            <a:gdLst>
              <a:gd name="connsiteX0" fmla="*/ 0 w 2468880"/>
              <a:gd name="connsiteY0" fmla="*/ 188585 h 1131490"/>
              <a:gd name="connsiteX1" fmla="*/ 188585 w 2468880"/>
              <a:gd name="connsiteY1" fmla="*/ 0 h 1131490"/>
              <a:gd name="connsiteX2" fmla="*/ 2280295 w 2468880"/>
              <a:gd name="connsiteY2" fmla="*/ 0 h 1131490"/>
              <a:gd name="connsiteX3" fmla="*/ 2468880 w 2468880"/>
              <a:gd name="connsiteY3" fmla="*/ 188585 h 1131490"/>
              <a:gd name="connsiteX4" fmla="*/ 2468880 w 2468880"/>
              <a:gd name="connsiteY4" fmla="*/ 942905 h 1131490"/>
              <a:gd name="connsiteX5" fmla="*/ 2280295 w 2468880"/>
              <a:gd name="connsiteY5" fmla="*/ 1131490 h 1131490"/>
              <a:gd name="connsiteX6" fmla="*/ 188585 w 2468880"/>
              <a:gd name="connsiteY6" fmla="*/ 1131490 h 1131490"/>
              <a:gd name="connsiteX7" fmla="*/ 0 w 2468880"/>
              <a:gd name="connsiteY7" fmla="*/ 942905 h 1131490"/>
              <a:gd name="connsiteX8" fmla="*/ 0 w 2468880"/>
              <a:gd name="connsiteY8" fmla="*/ 188585 h 11314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468880" h="1131490">
                <a:moveTo>
                  <a:pt x="0" y="188585"/>
                </a:moveTo>
                <a:cubicBezTo>
                  <a:pt x="0" y="84432"/>
                  <a:pt x="84432" y="0"/>
                  <a:pt x="188585" y="0"/>
                </a:cubicBezTo>
                <a:lnTo>
                  <a:pt x="2280295" y="0"/>
                </a:lnTo>
                <a:cubicBezTo>
                  <a:pt x="2384448" y="0"/>
                  <a:pt x="2468880" y="84432"/>
                  <a:pt x="2468880" y="188585"/>
                </a:cubicBezTo>
                <a:lnTo>
                  <a:pt x="2468880" y="942905"/>
                </a:lnTo>
                <a:cubicBezTo>
                  <a:pt x="2468880" y="1047058"/>
                  <a:pt x="2384448" y="1131490"/>
                  <a:pt x="2280295" y="1131490"/>
                </a:cubicBezTo>
                <a:lnTo>
                  <a:pt x="188585" y="1131490"/>
                </a:lnTo>
                <a:cubicBezTo>
                  <a:pt x="84432" y="1131490"/>
                  <a:pt x="0" y="1047058"/>
                  <a:pt x="0" y="942905"/>
                </a:cubicBezTo>
                <a:lnTo>
                  <a:pt x="0" y="188585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3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46675" tIns="146675" rIns="146675" bIns="146675" numCol="1" spcCol="1270" anchor="ctr" anchorCtr="0">
            <a:noAutofit/>
          </a:bodyPr>
          <a:lstStyle/>
          <a:p>
            <a:pPr lvl="0" algn="ctr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2400" kern="1200" dirty="0" smtClean="0"/>
              <a:t>USD 40m annual savings</a:t>
            </a:r>
            <a:endParaRPr lang="en-US" sz="2400" kern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1E6CA23-2D05-4ACD-BB25-AE2590AF539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080269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0" grpId="0" animBg="1"/>
      <p:bldP spid="11" grpId="0" animBg="1"/>
      <p:bldP spid="1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NC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zgsIkciOjE3OC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MsIkFic29sdXRlUG9zaXRpb24iOjE2OC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yLTAxVDIzOjU5OjU5Ljk5OVoiLCJFbmREYXRlIjoiMjAxNS0wNi0xMlQyMzo1OTo1OS45OTlaIiwiRm9ybWF0IjoiZCIsIlR5cGUiOjAsIkF1dG9EYXRlUmFuZ2UiOnRydWUsIldvcmtpbmdEYXlzIjozMSwiVG9kYXlNYXJrZXJUZXh0IjoiVG9kYXkiLCJBdXRvU2NhbGVUeXBlIjpmYWxzZX0sIk1pbGVzdG9uZXMiOlt7IiRpZCI6IjEyMyIsIkRhdGUiOiIyMDE1LTAyLTAxVDIzOjU5OjU5Ljk5OVoiLCJTdHlsZSI6eyIkaWQiOiIxMjQiLCJTaGFwZSI6OS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y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DkxOTEzNTE5OTY1Mjc3NzczLCJJc0N1c3RvbSI6ZmFsc2V9LCJJZCI6IjkyNWRhNDg4LWNhZjMtNDU5OC04YzBmLTU0OGJiMDZjZjJkMSIsIlRpdGxlIjoiU3RhZmZpbmcgcmVxdWlyZW1lbnRzIGNvbXBsZXRpb24gIiwiTm90ZSI6bnVsbCwiSHlwZXJsaW5rIjpudWxsLCJJc0NoYW5nZWQiOmZhbHNlLCJJc05ldyI6ZmFsc2V9LHsiJGlkIjoiMTcxIiwiRGF0ZSI6IjIwMTUtMDMtMTdUMjM6NTk6NTkuOTk5WiIsIlN0eWxlIjp7IiRpZCI6IjE3MiIsIlNoYXBlIjo5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MsIlNwYWNpbmciOjI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1cmF0aW9uU3R5bGUiOnsiJGlkIjoiMjQwIiwiRm9udFNldHRpbmdzIjp7IiRpZCI6IjI0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iIsIkxpbmVDb2xvciI6bnVsbCwiTGluZVdlaWdodCI6MC4wLCJMaW5lVHlwZSI6MCwiUGFyZW50U3R5bGUiOm51bGx9LCJQYXJlbnRTdHlsZSI6eyIkcmVmIjoiODgifX0sIkhvcml6b250YWxDb25uZWN0b3JTdHlsZSI6eyIkaWQiOiIyNDMiLCJMaW5lQ29sb3IiOnsiJHJlZiI6Ijk2In0sIkxpbmVXZWlnaHQiOjAuMCwiTGluZVR5cGUiOjAsIlBhcmVudFN0eWxlIjp7IiRyZWYiOiI5NSJ9fSwiVmVydGljYWxDb25uZWN0b3JTdHlsZSI6eyIkaWQiOiIyNDQiLCJMaW5lQ29sb3IiOnsiJHJlZiI6Ijk5In0sIkxpbmVXZWlnaHQiOjE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DUiLCJNYXJnaW4iOnsiJHJlZiI6IjEwMiJ9LCJQYWRkaW5nIjp7IiRyZWYiOiIxMDMifSwiQmFja2dyb3VuZCI6eyIkaWQiOiIyNDYiLCJDb2xvciI6eyIkaWQiOiIyNDciLCJBIjoyNTUsIlIiOjAsIkciOjExNCwiQiI6MTg4fX0sIklzVmlzaWJsZSI6dHJ1ZSwiV2lkdGgiOjAuMCwiSGVpZ2h0IjoyNi44NTMzMDc3MjM5OTkwMjM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yLCJGb3JlZ3JvdW5kIjp7IiRyZWYiOiIxMDkifSwiTWF4V2lkdGgiOjU4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MSIsIkxpbmVDb2xvciI6bnVsbCwiTGluZVdlaWdodCI6MC4wLCJMaW5lVHlwZSI6MCwiUGFyZW50U3R5bGUiOm51bGx9LCJQYXJlbnRTdHlsZSI6eyIkcmVmIjoiMTA3In19LCJEYXRlU3R5bGUiOnsiJGlkIjoiMjUyIiwiRm9udFNldHRpbmdzIjp7IiRpZCI6IjI1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wLjAsIkxpbmVUeXBlIjowLCJQYXJlbnRTdHlsZSI6eyIkcmVmIjoiOTUifX0sIlZlcnRpY2FsQ29ubmVjdG9yU3R5bGUiOnsiJGlkIjoiMjY0IiwiTGluZUNvbG9yIjp7IiRyZWYiOiI5OSJ9LCJMaW5lV2VpZ2h0Ijox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Y1IiwiTWFyZ2luIjp7IiRyZWYiOiIxMDIifSwiUGFkZGluZyI6eyIkcmVmIjoiMTAzIn0sIkJhY2tncm91bmQiOnsiJGlkIjoiMjY2IiwiQ29sb3IiOnsiJGlkIjoiMjY3IiwiQSI6MjU1LCJSIjo5MSwiRyI6MTU1LCJCIjoyMTN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CIsIkxpbmVDb2xvciI6bnVsbCwiTGluZVdlaWdodCI6MC4wLCJMaW5lVHlwZSI6MCwiUGFyZW50U3R5bGUiOm51bGx9LCJQYXJlbnRTdHlsZSI6eyIkcmVmIjoiODEifX0sIkR1cmF0aW9uU3R5bGUiOnsiJGlkIjoiMjgxIiwiRm9udFNldHRpbmdzIjp7IiRpZCI6IjI4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yIsIkxpbmVDb2xvciI6bnVsbCwiTGluZVdlaWdodCI6MC4wLCJMaW5lVHlwZSI6MCwiUGFyZW50U3R5bGUiOm51bGx9LCJQYXJlbnRTdHlsZSI6eyIkcmVmIjoiODgifX0sIkhvcml6b250YWxDb25uZWN0b3JTdHlsZSI6eyIkaWQiOiIyODQiLCJMaW5lQ29sb3IiOnsiJHJlZiI6Ijk2In0sIkxpbmVXZWlnaHQiOjAuMCwiTGluZVR5cGUiOjAsIlBhcmVudFN0eWxlIjp7IiRyZWYiOiI5NSJ9fSwiVmVydGljYWxDb25uZWN0b3JTdHlsZSI6eyIkaWQiOiIyODUiLCJMaW5lQ29sb3IiOnsiJHJlZiI6Ijk5In0sIkxpbmVXZWlnaHQiOjE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ODYiLCJNYXJnaW4iOnsiJHJlZiI6IjEwMiJ9LCJQYWRkaW5nIjp7IiRyZWYiOiIxMDMifSwiQmFja2dyb3VuZCI6eyIkaWQiOiIyODciLCJDb2xvciI6eyIkaWQiOiIyODgiLCJBIjoyNTUsIlIiOjIzNywiRyI6MTI1LCJCIjo0OX19LCJJc1Zpc2libGUiOnRydWUsIldpZHRoIjowLjAsIkhlaWdodCI6MTYuMCwiQm9yZGVyU3R5bGUiOnsiJGlkIjoiMjg5IiwiTGluZUNvbG9yIjp7IiRyZWYiOiIxMDUifSwiTGluZVdlaWdodCI6MC4wLCJMaW5lVHlwZSI6MCwiUGFyZW50U3R5bGUiOnsiJHJlZiI6IjEwNCJ9fSwiUGFyZW50U3R5bGUiOnsiJHJlZiI6IjEwMSJ9fSwiVGl0bGVTdHlsZSI6eyIkaWQiOiIyOTAiLCJGb250U2V0dGluZ3MiOnsiJGlkIjoiMjk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jkyIiwiQ29sb3IiOnsiJHJlZiI6IjExMCJ9fSwiTWFyZ2luIjp7IiRyZWYiOiIxMTEifSwiUGFkZGluZyI6eyIkcmVmIjoiMTEyIn0sIkJhY2tncm91bmQiOnsiJHJlZiI6IjExMyJ9LCJJc1Zpc2libGUiOnRydWUsIldpZHRoIjowLjAsIkhlaWdodCI6MC4wLCJCb3JkZXJTdHlsZSI6eyIkaWQiOiIyOTMiLCJMaW5lQ29sb3IiOm51bGwsIkxpbmVXZWlnaHQiOjAuMCwiTGluZVR5cGUiOjAsIlBhcmVudFN0eWxlIjpudWxsfSwiUGFyZW50U3R5bGUiOnsiJHJlZiI6IjEwNyJ9fSwiRGF0ZVN0eWxlIjp7IiRpZCI6IjI5NCIsIkZvbnRTZXR0aW5ncyI6eyIkaWQiOiIyOT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xIiwiTGluZUNvbG9yIjpudWxsLCJMaW5lV2VpZ2h0IjowLjAsIkxpbmVUeXBlIjowLCJQYXJlbnRTdHlsZSI6bnVsbH0sIlBhcmVudFN0eWxlIjp7IiRyZWYiOiI4MSJ9fSwiRHVyYXRpb25TdHlsZSI6eyIkaWQiOiIzMDIiLCJGb250U2V0dGluZ3MiOnsiJGlkIjoiMzA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S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TY1LCJHIjoxNjUsIkIiOjE2NX19LCJJc1Zpc2libGUiOnRydWUsIldpZHRoIjowLjAsIkhlaWdodCI6MTYuMCwiQm9yZGVyU3R5bGUiOnsiJGlkIjoiMzEwIiwiTGluZUNvbG9yIjp7IiRyZWYiOiIxMDUifSwiTGluZVdlaWdodCI6MC4wLCJMaW5lVHlwZSI6MCwiUGFyZW50U3R5bGUiOnsiJHJlZiI6IjEwNCJ9fSwiUGFyZW50U3R5bGUiOnsiJHJlZiI6IjEwMSJ9fSwiVGl0bGVTdHlsZSI6eyIkaWQiOiIzMTEiLCJGb250U2V0dGluZ3MiOnsiJGlkIjoiMzE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zEzIiwiQ29sb3IiOnsiJHJlZiI6IjExMCJ9fS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0LCJJZCI6ImJlYmFhNjE5LTk0ZmEtNGZjYi1iMmJlLWY5YWMyZTM3MzhiMCIsIlRpdGxlIjoiRGVzaWduIGFuZCBJbXBsZW1lbnQgIiwiTm90ZSI6bnVsbCwiSHlwZXJsaW5rIjpudWxsLCJJc0NoYW5nZWQiOmZhbHNlLCJJc05ldyI6ZmFsc2V9LHsiJGlkIjoiMzE4IiwiR3JvdXBOYW1lIjpudWxsLCJTdGFydERhdGUiOiIyMDE1LTAyLTIzVDAwOjAwOjAwWiIsIkVuZERhdGUiOiIyMDE1LTA1LTI3VDIzOjU5OjU5Ljk5OVoiLCJQZXJjZW50YWdlQ29tcGxldGUiOm51bGwsIlN0eWxlIjp7IiRpZCI6IjMxOSIsIlNoYXBlIjo4LCJTaGFwZVRoaWNrbmVzcyI6My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wLjAsIkxpbmVUeXBlIjowLCJQYXJlbnRTdHlsZSI6eyIkcmVmIjoiOTUifX0sIlZlcnRpY2FsQ29ubmVjdG9yU3R5bGUiOnsiJGlkIjoiMzI3IiwiTGluZUNvbG9yIjp7IiRyZWYiOiI5OSJ9LCJMaW5lV2VpZ2h0Ijox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I4IiwiTWFyZ2luIjp7IiRyZWYiOiIxMDIifSwiUGFkZGluZyI6eyIkcmVmIjoiMTAzIn0sIkJhY2tncm91bmQiOnsiJGlkIjoiMzI5IiwiQ29sb3IiOnsiJGlkIjoiMzMwIiwiQSI6MjU1LCJSIjoyNTUsIkciOjE5MiwiQiI6MH19LCJJc1Zpc2libGUiOnRydWUsIldpZHRoIjowLjAsIkhlaWdodCI6MTYuMCwiQm9yZGVyU3R5bGUiOnsiJGlkIjoiMzMxIiwiTGluZUNvbG9yIjp7IiRyZWYiOiIxMDUifSwiTGluZVdlaWdodCI6MC4wLCJMaW5lVHlwZSI6MCwiUGFyZW50U3R5bGUiOnsiJHJlZiI6IjEwNCJ9fSwiUGFyZW50U3R5bGUiOnsiJHJlZiI6IjEwMSJ9fSwiVGl0bGVTdHlsZSI6eyIkaWQiOiIzMzIiLCJGb250U2V0dGluZ3MiOnsiJGlkIjoiMzM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zM0IiwiQ29sb3IiOnsiJHJlZiI6IjExMCJ9fSwiTWFyZ2luIjp7IiRyZWYiOiIxMTEifSwiUGFkZGluZyI6eyIkcmVmIjoiMTEyIn0sIkJhY2tncm91bmQiOnsiJHJlZiI6IjExMyJ9LCJJc1Zpc2libGUiOnRydWUsIldpZHRoIjowLjAsIkhlaWdodCI6MC4wLCJCb3JkZXJTdHlsZSI6eyIkaWQiOiIzMzUiLCJMaW5lQ29sb3IiOm51bGwsIkxpbmVXZWlnaHQiOjAuMCwiTGluZVR5cGUiOjAsIlBhcmVudFN0eWxlIjpudWxsfSwiUGFyZW50U3R5bGUiOnsiJHJlZiI6IjEwNyJ9fSwiRGF0ZVN0eWxlIjp7IiRpZCI6IjMzNiIsIkZvbnRTZXR0aW5ncyI6eyIkaWQiOiIzM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YiLCJMaW5lQ29sb3IiOm51bGwsIkxpbmVXZWlnaHQiOjAuMCwiTGluZVR5cGUiOjAsIlBhcmVudFN0eWxlIjpudWxsfSwiUGFyZW50U3R5bGUiOnsiJHJlZiI6Ijg4In19LCJIb3Jpem9udGFsQ29ubmVjdG9yU3R5bGUiOnsiJGlkIjoiMzQ3IiwiTGluZUNvbG9yIjp7IiRyZWYiOiI5NiJ9LCJMaW5lV2VpZ2h0IjowLjAsIkxpbmVUeXBlIjowLCJQYXJlbnRTdHlsZSI6eyIkcmVmIjoiOTUifX0sIlZlcnRpY2FsQ29ubmVjdG9yU3R5bGUiOnsiJGlkIjoiMzQ4IiwiTGluZUNvbG9yIjp7IiRyZWYiOiI5OSJ9LCJMaW5lV2VpZ2h0Ijox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Q5IiwiTWFyZ2luIjp7IiRyZWYiOiIxMDIifSwiUGFkZGluZyI6eyIkcmVmIjoiMTAzIn0sIkJhY2tncm91bmQiOnsiJGlkIjoiMzUwIiwiQ29sb3IiOnsiJGlkIjoiMzUxIiwiQSI6MjU1LCJSIjo5MSwiRyI6MTU1LCJCIjoyMTN9fSwiSXNWaXNpYmxlIjp0cnVlLCJXaWR0aCI6MC4wLCJIZWlnaHQiOjE2LjAsIkJvcmRlclN0eWxlIjp7IiRpZCI6IjM1MiIsIkxpbmVDb2xvciI6eyIkcmVmIjoiMTA1In0sIkxpbmVXZWlnaHQiOjAuMCwiTGluZVR5cGUiOjAsIlBhcmVudFN0eWxlIjp7IiRyZWYiOiIxMDQifX0sIlBhcmVudFN0eWxlIjp7IiRyZWYiOiIxMDEifX0sIlRpdGxlU3R5bGUiOnsiJGlkIjoiMzUzIiwiRm9udFNldHRpbmdzIjp7IiRpZCI6IjM1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QiLCJMaW5lQ29sb3IiOm51bGwsIkxpbmVXZWlnaHQiOjAuMCwiTGluZVR5cGUiOjAsIlBhcmVudFN0eWxlIjpudWxsfSwiUGFyZW50U3R5bGUiOnsiJHJlZiI6IjgxIn19LCJEdXJhdGlvblN0eWxlIjp7IiRpZCI6IjM2NSIsIkZvbnRTZXR0aW5ncyI6eyIkaWQiOiIzN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ciLCJMaW5lQ29sb3IiOm51bGwsIkxpbmVXZWlnaHQiOjAuMCwiTGluZVR5cGUiOjAsIlBhcmVudFN0eWxlIjpudWxsfSwiUGFyZW50U3R5bGUiOnsiJHJlZiI6Ijg4In19LCJIb3Jpem9udGFsQ29ubmVjdG9yU3R5bGUiOnsiJGlkIjoiMzY4IiwiTGluZUNvbG9yIjp7IiRyZWYiOiI5NiJ9LCJMaW5lV2VpZ2h0IjowLjAsIkxpbmVUeXBlIjowLCJQYXJlbnRTdHlsZSI6eyIkcmVmIjoiOTUifX0sIlZlcnRpY2FsQ29ubmVjdG9yU3R5bGUiOnsiJGlkIjoiMzY5IiwiTGluZUNvbG9yIjp7IiRyZWYiOiI5OSJ9LCJMaW5lV2VpZ2h0Ijox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cwIiwiTWFyZ2luIjp7IiRyZWYiOiIxMDIifSwiUGFkZGluZyI6eyIkcmVmIjoiMTAzIn0sIkJhY2tncm91bmQiOnsiJGlkIjoiMzcxIiwiQ29sb3IiOnsiJGlkIjoiMzcyIiwiQSI6MjU1LCJSIjo2OCwiRyI6MTE0LCJCIjoxOTZ9fSwiSXNWaXNpYmxlIjp0cnVlLCJXaWR0aCI6MC4wLCJIZWlnaHQiOjE2LjAsIkJvcmRlclN0eWxlIjp7IiRpZCI6IjM3MyIsIkxpbmVDb2xvciI6eyIkcmVmIjoiMTA1In0sIkxpbmVXZWlnaHQiOjAuMCwiTGluZVR5cGUiOjAsIlBhcmVudFN0eWxlIjp7IiRyZWYiOiIxMDQifX0sIlBhcmVudFN0eWxlIjp7IiRyZWYiOiIxMDEifX0sIlRpdGxlU3R5bGUiOnsiJGlkIjoiMzc0IiwiRm9udFNldHRpbmdzIjp7IiRpZCI6IjM3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cmVmIjoiMTIxIn0sIklzVmlzaWJsZSI6dHJ1ZSwiUGFyZW50U3R5bGUiOnsiJHJlZiI6IjgwIn19LCJJbmRleCI6NywiSWQiOiI3OGM4YTQyZS02YjJiLTRjMjctODU5YS01ODljOTg5NjFhY2IiLCJUaXRsZSI6IlJvbGwtb3V0IGFuZCBzdXBwb3J0IiwiTm90ZSI6bnVsbCwiSHlwZXJsaW5rIjpudWxsLCJJc0NoYW5nZWQiOmZhbHNlLCJJc05ldyI6ZmFsc2V9XSwiU2V0dGluZ3MiOnsiJGlkIjoiMzgxIiwiSW1wYU9wdGlvbnMiOnsiJGlkIjoiMzg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612</TotalTime>
  <Words>1156</Words>
  <Application>Microsoft Office PowerPoint</Application>
  <PresentationFormat>On-screen Show (4:3)</PresentationFormat>
  <Paragraphs>250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8" baseType="lpstr">
      <vt:lpstr>Arial</vt:lpstr>
      <vt:lpstr>Calibri</vt:lpstr>
      <vt:lpstr>Times New Roman</vt:lpstr>
      <vt:lpstr>Office Theme</vt:lpstr>
      <vt:lpstr>Ace Consulting Services</vt:lpstr>
      <vt:lpstr>Who are We ?</vt:lpstr>
      <vt:lpstr>How much ACS knows about you</vt:lpstr>
      <vt:lpstr>PowerPoint Presentation</vt:lpstr>
      <vt:lpstr>Proposed Solution Approach Scope</vt:lpstr>
      <vt:lpstr>ERP Evaluation – Why SAP ?</vt:lpstr>
      <vt:lpstr>Microsoft’s  SAP ERP implementation</vt:lpstr>
      <vt:lpstr>Proposed Solution Approach – Functional Scoping</vt:lpstr>
      <vt:lpstr>Projected Outcome Matrix</vt:lpstr>
      <vt:lpstr>Project Schedule &amp; Resource Estimation </vt:lpstr>
      <vt:lpstr>Phased Implementation </vt:lpstr>
      <vt:lpstr>Business Process Re-engineering</vt:lpstr>
      <vt:lpstr>Human Resource Management</vt:lpstr>
      <vt:lpstr>Service Terms &amp; Conditions</vt:lpstr>
    </vt:vector>
  </TitlesOfParts>
  <Manager>Judd Bradburry</Manager>
  <Company>Ace Consulting Service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ce Consulting Services Business Proposal</dc:title>
  <dc:subject>Project Proposal for Order Fill Rate Optimization</dc:subject>
  <dc:creator>sxr143531@utdallas.edu</dc:creator>
  <cp:lastModifiedBy>sucheth prasad</cp:lastModifiedBy>
  <cp:revision>148</cp:revision>
  <dcterms:created xsi:type="dcterms:W3CDTF">2015-01-21T05:54:18Z</dcterms:created>
  <dcterms:modified xsi:type="dcterms:W3CDTF">2015-09-09T07:15:26Z</dcterms:modified>
</cp:coreProperties>
</file>